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2\HP2302\"/>
    </mc:Choice>
  </mc:AlternateContent>
  <xr:revisionPtr revIDLastSave="0" documentId="8_{47F34541-2DCD-46C5-AFA6-9B5C9C22CB13}" xr6:coauthVersionLast="47" xr6:coauthVersionMax="47" xr10:uidLastSave="{00000000-0000-0000-0000-000000000000}"/>
  <bookViews>
    <workbookView xWindow="-108" yWindow="-108" windowWidth="23256" windowHeight="12576" xr2:uid="{10E78001-187A-4E5B-838A-A980D03B88EC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0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5FC39D-AAAA-400A-BB48-30F5066E9932}">
  <sheetPr codeName="Sheet10"/>
  <dimension ref="A1:G1527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5</v>
      </c>
      <c r="E4" s="14">
        <v>168</v>
      </c>
      <c r="F4" s="14">
        <v>184</v>
      </c>
      <c r="G4" s="15">
        <v>352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6</v>
      </c>
      <c r="F5" s="14">
        <v>23</v>
      </c>
      <c r="G5" s="15">
        <v>49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7</v>
      </c>
      <c r="E6" s="14">
        <v>95</v>
      </c>
      <c r="F6" s="14">
        <v>112</v>
      </c>
      <c r="G6" s="15">
        <v>207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5</v>
      </c>
      <c r="E7" s="14">
        <v>43</v>
      </c>
      <c r="F7" s="14">
        <v>59</v>
      </c>
      <c r="G7" s="15">
        <v>102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4</v>
      </c>
      <c r="E8" s="14">
        <v>18</v>
      </c>
      <c r="F8" s="14">
        <v>20</v>
      </c>
      <c r="G8" s="15">
        <v>38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7</v>
      </c>
      <c r="F9" s="14">
        <v>42</v>
      </c>
      <c r="G9" s="15">
        <v>69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2</v>
      </c>
      <c r="E10" s="14">
        <v>131</v>
      </c>
      <c r="F10" s="14">
        <v>166</v>
      </c>
      <c r="G10" s="15">
        <v>29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5</v>
      </c>
      <c r="E11" s="14">
        <v>190</v>
      </c>
      <c r="F11" s="14">
        <v>225</v>
      </c>
      <c r="G11" s="15">
        <v>41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5</v>
      </c>
      <c r="E12" s="14">
        <v>50</v>
      </c>
      <c r="F12" s="14">
        <v>42</v>
      </c>
      <c r="G12" s="15">
        <v>92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29</v>
      </c>
      <c r="F13" s="14">
        <v>33</v>
      </c>
      <c r="G13" s="15">
        <v>62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7</v>
      </c>
      <c r="F14" s="14">
        <v>78</v>
      </c>
      <c r="G14" s="15">
        <v>155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8</v>
      </c>
      <c r="G15" s="15">
        <v>98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5</v>
      </c>
      <c r="F16" s="14">
        <v>76</v>
      </c>
      <c r="G16" s="15">
        <v>141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8</v>
      </c>
      <c r="E17" s="14">
        <v>108</v>
      </c>
      <c r="F17" s="14">
        <v>112</v>
      </c>
      <c r="G17" s="15">
        <v>220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7</v>
      </c>
      <c r="F18" s="14">
        <v>30</v>
      </c>
      <c r="G18" s="15">
        <v>47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2</v>
      </c>
      <c r="E19" s="14">
        <v>1084</v>
      </c>
      <c r="F19" s="14">
        <v>1260</v>
      </c>
      <c r="G19" s="15">
        <v>234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4</v>
      </c>
      <c r="E20" s="14">
        <v>294</v>
      </c>
      <c r="F20" s="14">
        <v>327</v>
      </c>
      <c r="G20" s="15">
        <v>621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8</v>
      </c>
      <c r="E21" s="14">
        <v>17</v>
      </c>
      <c r="F21" s="14">
        <v>13</v>
      </c>
      <c r="G21" s="15">
        <v>30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5</v>
      </c>
      <c r="E22" s="14">
        <v>33</v>
      </c>
      <c r="F22" s="14">
        <v>44</v>
      </c>
      <c r="G22" s="15">
        <v>77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6</v>
      </c>
      <c r="E23" s="14">
        <v>163</v>
      </c>
      <c r="F23" s="14">
        <v>168</v>
      </c>
      <c r="G23" s="15">
        <v>331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49</v>
      </c>
      <c r="F24" s="14">
        <v>61</v>
      </c>
      <c r="G24" s="15">
        <v>110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5</v>
      </c>
      <c r="E25" s="14">
        <v>263</v>
      </c>
      <c r="F25" s="14">
        <v>246</v>
      </c>
      <c r="G25" s="15">
        <v>509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4</v>
      </c>
      <c r="E26" s="14">
        <v>115</v>
      </c>
      <c r="F26" s="14">
        <v>99</v>
      </c>
      <c r="G26" s="15">
        <v>214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7</v>
      </c>
      <c r="E27" s="14">
        <v>84</v>
      </c>
      <c r="F27" s="14">
        <v>93</v>
      </c>
      <c r="G27" s="15">
        <v>177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5</v>
      </c>
      <c r="E28" s="14">
        <v>155</v>
      </c>
      <c r="F28" s="14">
        <v>140</v>
      </c>
      <c r="G28" s="15">
        <v>29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0</v>
      </c>
      <c r="E29" s="14">
        <v>116</v>
      </c>
      <c r="F29" s="14">
        <v>138</v>
      </c>
      <c r="G29" s="15">
        <v>254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4</v>
      </c>
      <c r="E31" s="14">
        <v>72</v>
      </c>
      <c r="F31" s="14">
        <v>92</v>
      </c>
      <c r="G31" s="15">
        <v>164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7</v>
      </c>
      <c r="E32" s="14">
        <v>116</v>
      </c>
      <c r="F32" s="14">
        <v>120</v>
      </c>
      <c r="G32" s="15">
        <v>236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26</v>
      </c>
      <c r="E33" s="14">
        <v>133</v>
      </c>
      <c r="F33" s="14">
        <v>150</v>
      </c>
      <c r="G33" s="15">
        <v>283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0</v>
      </c>
      <c r="E34" s="14">
        <v>90</v>
      </c>
      <c r="F34" s="14">
        <v>106</v>
      </c>
      <c r="G34" s="15">
        <v>196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3</v>
      </c>
      <c r="E35" s="14">
        <v>143</v>
      </c>
      <c r="F35" s="14">
        <v>187</v>
      </c>
      <c r="G35" s="15">
        <v>330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6</v>
      </c>
      <c r="E36" s="14">
        <v>161</v>
      </c>
      <c r="F36" s="14">
        <v>147</v>
      </c>
      <c r="G36" s="15">
        <v>308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20</v>
      </c>
      <c r="E37" s="14">
        <v>192</v>
      </c>
      <c r="F37" s="14">
        <v>215</v>
      </c>
      <c r="G37" s="15">
        <v>407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3</v>
      </c>
      <c r="F38" s="14">
        <v>10</v>
      </c>
      <c r="G38" s="15">
        <v>33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27</v>
      </c>
      <c r="E39" s="14">
        <v>2250</v>
      </c>
      <c r="F39" s="14">
        <v>2392</v>
      </c>
      <c r="G39" s="15">
        <v>4642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48</v>
      </c>
      <c r="F40" s="14">
        <v>166</v>
      </c>
      <c r="G40" s="15">
        <v>31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8</v>
      </c>
      <c r="G41" s="15">
        <v>102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8</v>
      </c>
      <c r="E42" s="14">
        <v>22</v>
      </c>
      <c r="F42" s="14">
        <v>26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6</v>
      </c>
      <c r="F43" s="14">
        <v>53</v>
      </c>
      <c r="G43" s="15">
        <v>9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3</v>
      </c>
      <c r="E44" s="14">
        <v>159</v>
      </c>
      <c r="F44" s="14">
        <v>162</v>
      </c>
      <c r="G44" s="15">
        <v>321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2</v>
      </c>
      <c r="E45" s="14">
        <v>63</v>
      </c>
      <c r="F45" s="14">
        <v>68</v>
      </c>
      <c r="G45" s="15">
        <v>13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6</v>
      </c>
      <c r="E46" s="14">
        <v>68</v>
      </c>
      <c r="F46" s="14">
        <v>78</v>
      </c>
      <c r="G46" s="15">
        <v>146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3</v>
      </c>
      <c r="E47" s="14">
        <v>89</v>
      </c>
      <c r="F47" s="14">
        <v>86</v>
      </c>
      <c r="G47" s="15">
        <v>175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6</v>
      </c>
      <c r="F48" s="14">
        <v>74</v>
      </c>
      <c r="G48" s="15">
        <v>15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6</v>
      </c>
      <c r="F49" s="14">
        <v>78</v>
      </c>
      <c r="G49" s="15">
        <v>14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54</v>
      </c>
      <c r="F50" s="14">
        <v>66</v>
      </c>
      <c r="G50" s="15">
        <v>120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64</v>
      </c>
      <c r="F51" s="14">
        <v>90</v>
      </c>
      <c r="G51" s="15">
        <v>154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89</v>
      </c>
      <c r="E52" s="14">
        <v>81</v>
      </c>
      <c r="F52" s="14">
        <v>97</v>
      </c>
      <c r="G52" s="15">
        <v>178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6</v>
      </c>
      <c r="E53" s="14">
        <v>85</v>
      </c>
      <c r="F53" s="14">
        <v>82</v>
      </c>
      <c r="G53" s="15">
        <v>167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21</v>
      </c>
      <c r="F54" s="14">
        <v>265</v>
      </c>
      <c r="G54" s="15">
        <v>486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26</v>
      </c>
      <c r="E55" s="14">
        <v>1286</v>
      </c>
      <c r="F55" s="14">
        <v>1449</v>
      </c>
      <c r="G55" s="15">
        <v>2735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3</v>
      </c>
      <c r="E57" s="14">
        <v>38</v>
      </c>
      <c r="F57" s="14">
        <v>30</v>
      </c>
      <c r="G57" s="15">
        <v>6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3</v>
      </c>
      <c r="E58" s="14">
        <v>26</v>
      </c>
      <c r="F58" s="14">
        <v>32</v>
      </c>
      <c r="G58" s="15">
        <v>58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6</v>
      </c>
      <c r="E59" s="14">
        <v>35</v>
      </c>
      <c r="F59" s="14">
        <v>44</v>
      </c>
      <c r="G59" s="15">
        <v>79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79</v>
      </c>
      <c r="E60" s="14">
        <v>70</v>
      </c>
      <c r="F60" s="14">
        <v>72</v>
      </c>
      <c r="G60" s="15">
        <v>14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5</v>
      </c>
      <c r="E61" s="14">
        <v>76</v>
      </c>
      <c r="F61" s="14">
        <v>97</v>
      </c>
      <c r="G61" s="15">
        <v>173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7</v>
      </c>
      <c r="E62" s="14">
        <v>50</v>
      </c>
      <c r="F62" s="14">
        <v>50</v>
      </c>
      <c r="G62" s="15">
        <v>100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2</v>
      </c>
      <c r="E63" s="14">
        <v>103</v>
      </c>
      <c r="F63" s="14">
        <v>118</v>
      </c>
      <c r="G63" s="15">
        <v>221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20</v>
      </c>
      <c r="E64" s="14">
        <v>11</v>
      </c>
      <c r="F64" s="14">
        <v>17</v>
      </c>
      <c r="G64" s="15">
        <v>28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5</v>
      </c>
      <c r="E65" s="14">
        <v>33</v>
      </c>
      <c r="F65" s="14">
        <v>29</v>
      </c>
      <c r="G65" s="15">
        <v>62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25</v>
      </c>
      <c r="E66" s="14">
        <v>201</v>
      </c>
      <c r="F66" s="14">
        <v>226</v>
      </c>
      <c r="G66" s="15">
        <v>427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0</v>
      </c>
      <c r="F67" s="14">
        <v>33</v>
      </c>
      <c r="G67" s="15">
        <v>5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3</v>
      </c>
      <c r="E68" s="14">
        <v>36</v>
      </c>
      <c r="F68" s="14">
        <v>51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0</v>
      </c>
      <c r="E69" s="14">
        <v>33</v>
      </c>
      <c r="F69" s="14">
        <v>44</v>
      </c>
      <c r="G69" s="15">
        <v>77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4</v>
      </c>
      <c r="E70" s="14">
        <v>95</v>
      </c>
      <c r="F70" s="14">
        <v>98</v>
      </c>
      <c r="G70" s="15">
        <v>193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79</v>
      </c>
      <c r="E71" s="14">
        <v>829</v>
      </c>
      <c r="F71" s="14">
        <v>941</v>
      </c>
      <c r="G71" s="15">
        <v>1770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6</v>
      </c>
      <c r="E72" s="14">
        <v>23</v>
      </c>
      <c r="F72" s="14">
        <v>27</v>
      </c>
      <c r="G72" s="15">
        <v>50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3</v>
      </c>
      <c r="E73" s="14">
        <v>224</v>
      </c>
      <c r="F73" s="14">
        <v>282</v>
      </c>
      <c r="G73" s="15">
        <v>506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6</v>
      </c>
      <c r="F74" s="14">
        <v>47</v>
      </c>
      <c r="G74" s="15">
        <v>93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8</v>
      </c>
      <c r="E75" s="14">
        <v>63</v>
      </c>
      <c r="F75" s="14">
        <v>65</v>
      </c>
      <c r="G75" s="15">
        <v>128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4</v>
      </c>
      <c r="E76" s="14">
        <v>97</v>
      </c>
      <c r="F76" s="14">
        <v>98</v>
      </c>
      <c r="G76" s="15">
        <v>195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5</v>
      </c>
      <c r="E77" s="14">
        <v>49</v>
      </c>
      <c r="F77" s="14">
        <v>60</v>
      </c>
      <c r="G77" s="15">
        <v>109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66</v>
      </c>
      <c r="E78" s="14">
        <v>60</v>
      </c>
      <c r="F78" s="14">
        <v>76</v>
      </c>
      <c r="G78" s="15">
        <v>136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8</v>
      </c>
      <c r="E79" s="14">
        <v>82</v>
      </c>
      <c r="F79" s="14">
        <v>97</v>
      </c>
      <c r="G79" s="15">
        <v>17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89</v>
      </c>
      <c r="E80" s="14">
        <v>79</v>
      </c>
      <c r="F80" s="14">
        <v>117</v>
      </c>
      <c r="G80" s="15">
        <v>196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5</v>
      </c>
      <c r="E81" s="14">
        <v>29</v>
      </c>
      <c r="F81" s="14">
        <v>33</v>
      </c>
      <c r="G81" s="15">
        <v>62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8</v>
      </c>
      <c r="E82" s="14">
        <v>135</v>
      </c>
      <c r="F82" s="14">
        <v>145</v>
      </c>
      <c r="G82" s="15">
        <v>280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88</v>
      </c>
      <c r="E83" s="14">
        <v>58</v>
      </c>
      <c r="F83" s="14">
        <v>67</v>
      </c>
      <c r="G83" s="15">
        <v>12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1</v>
      </c>
      <c r="E84" s="14">
        <v>52</v>
      </c>
      <c r="F84" s="14">
        <v>70</v>
      </c>
      <c r="G84" s="15">
        <v>122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7</v>
      </c>
      <c r="E85" s="14">
        <v>80</v>
      </c>
      <c r="F85" s="14">
        <v>96</v>
      </c>
      <c r="G85" s="15">
        <v>176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86</v>
      </c>
      <c r="F86" s="14">
        <v>86</v>
      </c>
      <c r="G86" s="15">
        <v>172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5</v>
      </c>
      <c r="E87" s="14">
        <v>79</v>
      </c>
      <c r="F87" s="14">
        <v>81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4</v>
      </c>
      <c r="E88" s="14">
        <v>74</v>
      </c>
      <c r="F88" s="14">
        <v>79</v>
      </c>
      <c r="G88" s="15">
        <v>153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3</v>
      </c>
      <c r="E89" s="14">
        <v>142</v>
      </c>
      <c r="F89" s="14">
        <v>166</v>
      </c>
      <c r="G89" s="15">
        <v>308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7</v>
      </c>
      <c r="E90" s="14">
        <v>45</v>
      </c>
      <c r="F90" s="14">
        <v>67</v>
      </c>
      <c r="G90" s="15">
        <v>112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1</v>
      </c>
      <c r="E91" s="14">
        <v>58</v>
      </c>
      <c r="F91" s="14">
        <v>60</v>
      </c>
      <c r="G91" s="15">
        <v>118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08</v>
      </c>
      <c r="E92" s="14">
        <v>1561</v>
      </c>
      <c r="F92" s="14">
        <v>1819</v>
      </c>
      <c r="G92" s="15">
        <v>3380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6</v>
      </c>
      <c r="E93" s="14">
        <v>390</v>
      </c>
      <c r="F93" s="14">
        <v>452</v>
      </c>
      <c r="G93" s="15">
        <v>842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0</v>
      </c>
      <c r="E94" s="14">
        <v>153</v>
      </c>
      <c r="F94" s="14">
        <v>167</v>
      </c>
      <c r="G94" s="15">
        <v>320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5</v>
      </c>
      <c r="E95" s="14">
        <v>30</v>
      </c>
      <c r="F95" s="14">
        <v>38</v>
      </c>
      <c r="G95" s="15">
        <v>6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9</v>
      </c>
      <c r="E96" s="14">
        <v>53</v>
      </c>
      <c r="F96" s="14">
        <v>75</v>
      </c>
      <c r="G96" s="15">
        <v>128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3</v>
      </c>
      <c r="E97" s="14">
        <v>47</v>
      </c>
      <c r="F97" s="14">
        <v>45</v>
      </c>
      <c r="G97" s="15">
        <v>92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7</v>
      </c>
      <c r="E98" s="14">
        <v>44</v>
      </c>
      <c r="F98" s="14">
        <v>56</v>
      </c>
      <c r="G98" s="15">
        <v>100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3</v>
      </c>
      <c r="E99" s="14">
        <v>89</v>
      </c>
      <c r="F99" s="14">
        <v>111</v>
      </c>
      <c r="G99" s="15">
        <v>200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1</v>
      </c>
      <c r="E100" s="14">
        <v>60</v>
      </c>
      <c r="F100" s="14">
        <v>64</v>
      </c>
      <c r="G100" s="15">
        <v>124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5</v>
      </c>
      <c r="E101" s="14">
        <v>73</v>
      </c>
      <c r="F101" s="14">
        <v>83</v>
      </c>
      <c r="G101" s="15">
        <v>156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90</v>
      </c>
      <c r="E102" s="14">
        <v>76</v>
      </c>
      <c r="F102" s="14">
        <v>73</v>
      </c>
      <c r="G102" s="15">
        <v>149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10</v>
      </c>
      <c r="E103" s="14">
        <v>110</v>
      </c>
      <c r="F103" s="14">
        <v>125</v>
      </c>
      <c r="G103" s="15">
        <v>235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6</v>
      </c>
      <c r="E104" s="14">
        <v>62</v>
      </c>
      <c r="F104" s="14">
        <v>61</v>
      </c>
      <c r="G104" s="15">
        <v>12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4</v>
      </c>
      <c r="E105" s="14">
        <v>81</v>
      </c>
      <c r="F105" s="14">
        <v>85</v>
      </c>
      <c r="G105" s="15">
        <v>166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39</v>
      </c>
      <c r="E106" s="14">
        <v>131</v>
      </c>
      <c r="F106" s="14">
        <v>113</v>
      </c>
      <c r="G106" s="15">
        <v>244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3</v>
      </c>
      <c r="E107" s="14">
        <v>170</v>
      </c>
      <c r="F107" s="14">
        <v>173</v>
      </c>
      <c r="G107" s="15">
        <v>343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188</v>
      </c>
      <c r="E108" s="14">
        <v>154</v>
      </c>
      <c r="F108" s="14">
        <v>155</v>
      </c>
      <c r="G108" s="15">
        <v>309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58</v>
      </c>
      <c r="E109" s="14">
        <v>261</v>
      </c>
      <c r="F109" s="14">
        <v>265</v>
      </c>
      <c r="G109" s="15">
        <v>526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6</v>
      </c>
      <c r="E110" s="14">
        <v>92</v>
      </c>
      <c r="F110" s="14">
        <v>108</v>
      </c>
      <c r="G110" s="15">
        <v>200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2</v>
      </c>
      <c r="E111" s="14">
        <v>63</v>
      </c>
      <c r="F111" s="14">
        <v>75</v>
      </c>
      <c r="G111" s="15">
        <v>138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1</v>
      </c>
      <c r="E112" s="14">
        <v>57</v>
      </c>
      <c r="F112" s="14">
        <v>63</v>
      </c>
      <c r="G112" s="15">
        <v>120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1</v>
      </c>
      <c r="E113" s="14">
        <v>114</v>
      </c>
      <c r="F113" s="14">
        <v>84</v>
      </c>
      <c r="G113" s="15">
        <v>198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6</v>
      </c>
      <c r="E114" s="14">
        <v>84</v>
      </c>
      <c r="F114" s="14">
        <v>85</v>
      </c>
      <c r="G114" s="15">
        <v>169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2</v>
      </c>
      <c r="E115" s="14">
        <v>100</v>
      </c>
      <c r="F115" s="14">
        <v>107</v>
      </c>
      <c r="G115" s="15">
        <v>20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5</v>
      </c>
      <c r="E116" s="14">
        <v>59</v>
      </c>
      <c r="F116" s="14">
        <v>85</v>
      </c>
      <c r="G116" s="15">
        <v>144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82</v>
      </c>
      <c r="E117" s="14">
        <v>64</v>
      </c>
      <c r="F117" s="14">
        <v>53</v>
      </c>
      <c r="G117" s="15">
        <v>11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3</v>
      </c>
      <c r="E118" s="14">
        <v>74</v>
      </c>
      <c r="F118" s="14">
        <v>71</v>
      </c>
      <c r="G118" s="15">
        <v>14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4</v>
      </c>
      <c r="E119" s="14">
        <v>48</v>
      </c>
      <c r="F119" s="14">
        <v>50</v>
      </c>
      <c r="G119" s="15">
        <v>98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1</v>
      </c>
      <c r="E120" s="14">
        <v>62</v>
      </c>
      <c r="F120" s="14">
        <v>101</v>
      </c>
      <c r="G120" s="15">
        <v>16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7</v>
      </c>
      <c r="E121" s="14">
        <v>10</v>
      </c>
      <c r="F121" s="14">
        <v>7</v>
      </c>
      <c r="G121" s="15">
        <v>1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7</v>
      </c>
      <c r="E122" s="14">
        <v>40</v>
      </c>
      <c r="F122" s="14">
        <v>40</v>
      </c>
      <c r="G122" s="15">
        <v>80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74</v>
      </c>
      <c r="E123" s="14">
        <v>2851</v>
      </c>
      <c r="F123" s="14">
        <v>3070</v>
      </c>
      <c r="G123" s="15">
        <v>5921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5</v>
      </c>
      <c r="E124" s="14">
        <v>93</v>
      </c>
      <c r="F124" s="14">
        <v>114</v>
      </c>
      <c r="G124" s="15">
        <v>207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1</v>
      </c>
      <c r="E125" s="14">
        <v>75</v>
      </c>
      <c r="F125" s="14">
        <v>74</v>
      </c>
      <c r="G125" s="15">
        <v>149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5</v>
      </c>
      <c r="E126" s="14">
        <v>138</v>
      </c>
      <c r="F126" s="14">
        <v>159</v>
      </c>
      <c r="G126" s="15">
        <v>29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9</v>
      </c>
      <c r="E127" s="14">
        <v>41</v>
      </c>
      <c r="F127" s="14">
        <v>59</v>
      </c>
      <c r="G127" s="15">
        <v>10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2</v>
      </c>
      <c r="F128" s="14">
        <v>97</v>
      </c>
      <c r="G128" s="15">
        <v>199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78</v>
      </c>
      <c r="E129" s="14">
        <v>67</v>
      </c>
      <c r="F129" s="14">
        <v>64</v>
      </c>
      <c r="G129" s="15">
        <v>131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5</v>
      </c>
      <c r="G130" s="15">
        <v>104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4</v>
      </c>
      <c r="E131" s="14">
        <v>84</v>
      </c>
      <c r="F131" s="14">
        <v>82</v>
      </c>
      <c r="G131" s="15">
        <v>166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3</v>
      </c>
      <c r="E132" s="14">
        <v>90</v>
      </c>
      <c r="F132" s="14">
        <v>103</v>
      </c>
      <c r="G132" s="15">
        <v>193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8</v>
      </c>
      <c r="E133" s="14">
        <v>90</v>
      </c>
      <c r="F133" s="14">
        <v>97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5</v>
      </c>
      <c r="E134" s="14">
        <v>82</v>
      </c>
      <c r="F134" s="14">
        <v>94</v>
      </c>
      <c r="G134" s="15">
        <v>176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6</v>
      </c>
      <c r="E135" s="14">
        <v>95</v>
      </c>
      <c r="F135" s="14">
        <v>97</v>
      </c>
      <c r="G135" s="15">
        <v>192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3</v>
      </c>
      <c r="E136" s="14">
        <v>179</v>
      </c>
      <c r="F136" s="14">
        <v>199</v>
      </c>
      <c r="G136" s="15">
        <v>378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9</v>
      </c>
      <c r="E137" s="14">
        <v>98</v>
      </c>
      <c r="F137" s="14">
        <v>111</v>
      </c>
      <c r="G137" s="15">
        <v>209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6</v>
      </c>
      <c r="E138" s="14">
        <v>66</v>
      </c>
      <c r="F138" s="14">
        <v>68</v>
      </c>
      <c r="G138" s="15">
        <v>134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2</v>
      </c>
      <c r="E139" s="14">
        <v>262</v>
      </c>
      <c r="F139" s="14">
        <v>229</v>
      </c>
      <c r="G139" s="15">
        <v>49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2</v>
      </c>
      <c r="E140" s="14">
        <v>132</v>
      </c>
      <c r="F140" s="14">
        <v>139</v>
      </c>
      <c r="G140" s="15">
        <v>271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11</v>
      </c>
      <c r="E141" s="14">
        <v>203</v>
      </c>
      <c r="F141" s="14">
        <v>203</v>
      </c>
      <c r="G141" s="15">
        <v>406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8</v>
      </c>
      <c r="E142" s="14">
        <v>38</v>
      </c>
      <c r="F142" s="14">
        <v>43</v>
      </c>
      <c r="G142" s="15">
        <v>81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65</v>
      </c>
      <c r="E143" s="14">
        <v>1984</v>
      </c>
      <c r="F143" s="14">
        <v>2087</v>
      </c>
      <c r="G143" s="15">
        <v>4071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5</v>
      </c>
      <c r="E144" s="14">
        <v>35</v>
      </c>
      <c r="F144" s="14">
        <v>48</v>
      </c>
      <c r="G144" s="15">
        <v>83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98</v>
      </c>
      <c r="E145" s="14">
        <v>82</v>
      </c>
      <c r="F145" s="14">
        <v>91</v>
      </c>
      <c r="G145" s="15">
        <v>173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0</v>
      </c>
      <c r="E146" s="14">
        <v>77</v>
      </c>
      <c r="F146" s="14">
        <v>82</v>
      </c>
      <c r="G146" s="15">
        <v>159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2</v>
      </c>
      <c r="E148" s="14">
        <v>37</v>
      </c>
      <c r="F148" s="14">
        <v>44</v>
      </c>
      <c r="G148" s="15">
        <v>81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4</v>
      </c>
      <c r="E149" s="14">
        <v>52</v>
      </c>
      <c r="F149" s="14">
        <v>76</v>
      </c>
      <c r="G149" s="15">
        <v>128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2</v>
      </c>
      <c r="E150" s="14">
        <v>40</v>
      </c>
      <c r="F150" s="14">
        <v>41</v>
      </c>
      <c r="G150" s="15">
        <v>81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1</v>
      </c>
      <c r="F151" s="14">
        <v>24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4</v>
      </c>
      <c r="E152" s="14">
        <v>72</v>
      </c>
      <c r="F152" s="14">
        <v>67</v>
      </c>
      <c r="G152" s="15">
        <v>139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37</v>
      </c>
      <c r="E153" s="14">
        <v>226</v>
      </c>
      <c r="F153" s="14">
        <v>265</v>
      </c>
      <c r="G153" s="15">
        <v>491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47</v>
      </c>
      <c r="E154" s="14">
        <v>228</v>
      </c>
      <c r="F154" s="14">
        <v>220</v>
      </c>
      <c r="G154" s="15">
        <v>448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1</v>
      </c>
      <c r="E155" s="14">
        <v>116</v>
      </c>
      <c r="F155" s="14">
        <v>121</v>
      </c>
      <c r="G155" s="15">
        <v>237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8</v>
      </c>
      <c r="F156" s="14">
        <v>55</v>
      </c>
      <c r="G156" s="15">
        <v>113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6</v>
      </c>
      <c r="E157" s="14">
        <v>135</v>
      </c>
      <c r="F157" s="14">
        <v>142</v>
      </c>
      <c r="G157" s="15">
        <v>277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36</v>
      </c>
      <c r="E158" s="14">
        <v>1227</v>
      </c>
      <c r="F158" s="14">
        <v>1341</v>
      </c>
      <c r="G158" s="15">
        <v>2568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1</v>
      </c>
      <c r="E159" s="14">
        <v>140</v>
      </c>
      <c r="F159" s="14">
        <v>144</v>
      </c>
      <c r="G159" s="15">
        <v>284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2</v>
      </c>
      <c r="E160" s="14">
        <v>114</v>
      </c>
      <c r="F160" s="14">
        <v>103</v>
      </c>
      <c r="G160" s="15">
        <v>217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7</v>
      </c>
      <c r="E161" s="14">
        <v>195</v>
      </c>
      <c r="F161" s="14">
        <v>216</v>
      </c>
      <c r="G161" s="15">
        <v>41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5</v>
      </c>
      <c r="E162" s="14">
        <v>44</v>
      </c>
      <c r="F162" s="14">
        <v>51</v>
      </c>
      <c r="G162" s="15">
        <v>95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67</v>
      </c>
      <c r="F163" s="14">
        <v>71</v>
      </c>
      <c r="G163" s="15">
        <v>138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5</v>
      </c>
      <c r="E164" s="14">
        <v>60</v>
      </c>
      <c r="F164" s="14">
        <v>72</v>
      </c>
      <c r="G164" s="15">
        <v>132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0</v>
      </c>
      <c r="E165" s="14">
        <v>39</v>
      </c>
      <c r="F165" s="14">
        <v>38</v>
      </c>
      <c r="G165" s="15">
        <v>77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8</v>
      </c>
      <c r="E166" s="14">
        <v>75</v>
      </c>
      <c r="F166" s="14">
        <v>122</v>
      </c>
      <c r="G166" s="15">
        <v>197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3</v>
      </c>
      <c r="E167" s="14">
        <v>105</v>
      </c>
      <c r="F167" s="14">
        <v>124</v>
      </c>
      <c r="G167" s="15">
        <v>22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1</v>
      </c>
      <c r="E168" s="14">
        <v>67</v>
      </c>
      <c r="F168" s="14">
        <v>65</v>
      </c>
      <c r="G168" s="15">
        <v>132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5</v>
      </c>
      <c r="E169" s="14">
        <v>93</v>
      </c>
      <c r="F169" s="14">
        <v>88</v>
      </c>
      <c r="G169" s="15">
        <v>181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3</v>
      </c>
      <c r="E170" s="14">
        <v>107</v>
      </c>
      <c r="F170" s="14">
        <v>118</v>
      </c>
      <c r="G170" s="15">
        <v>225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8</v>
      </c>
      <c r="E171" s="14">
        <v>75</v>
      </c>
      <c r="F171" s="14">
        <v>72</v>
      </c>
      <c r="G171" s="15">
        <v>147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5</v>
      </c>
      <c r="E172" s="14">
        <v>54</v>
      </c>
      <c r="F172" s="14">
        <v>49</v>
      </c>
      <c r="G172" s="15">
        <v>103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51</v>
      </c>
      <c r="F173" s="14">
        <v>60</v>
      </c>
      <c r="G173" s="15">
        <v>111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0</v>
      </c>
      <c r="E174" s="14">
        <v>94</v>
      </c>
      <c r="F174" s="14">
        <v>76</v>
      </c>
      <c r="G174" s="15">
        <v>17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0</v>
      </c>
      <c r="E175" s="14">
        <v>41</v>
      </c>
      <c r="F175" s="14">
        <v>47</v>
      </c>
      <c r="G175" s="15">
        <v>88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9</v>
      </c>
      <c r="E176" s="14">
        <v>85</v>
      </c>
      <c r="F176" s="14">
        <v>115</v>
      </c>
      <c r="G176" s="15">
        <v>20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8</v>
      </c>
      <c r="E177" s="14">
        <v>60</v>
      </c>
      <c r="F177" s="14">
        <v>89</v>
      </c>
      <c r="G177" s="15">
        <v>149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93</v>
      </c>
      <c r="E178" s="14">
        <v>92</v>
      </c>
      <c r="F178" s="14">
        <v>91</v>
      </c>
      <c r="G178" s="15">
        <v>183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4</v>
      </c>
      <c r="E179" s="14">
        <v>131</v>
      </c>
      <c r="F179" s="14">
        <v>135</v>
      </c>
      <c r="G179" s="15">
        <v>266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7</v>
      </c>
      <c r="E180" s="14">
        <v>51</v>
      </c>
      <c r="F180" s="14">
        <v>49</v>
      </c>
      <c r="G180" s="15">
        <v>10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6</v>
      </c>
      <c r="E181" s="14">
        <v>123</v>
      </c>
      <c r="F181" s="14">
        <v>148</v>
      </c>
      <c r="G181" s="15">
        <v>271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4</v>
      </c>
      <c r="E182" s="14">
        <v>96</v>
      </c>
      <c r="F182" s="14">
        <v>87</v>
      </c>
      <c r="G182" s="15">
        <v>183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05</v>
      </c>
      <c r="E183" s="14">
        <v>99</v>
      </c>
      <c r="F183" s="14">
        <v>101</v>
      </c>
      <c r="G183" s="15">
        <v>20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3</v>
      </c>
      <c r="E184" s="14">
        <v>165</v>
      </c>
      <c r="F184" s="14">
        <v>171</v>
      </c>
      <c r="G184" s="15">
        <v>33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4</v>
      </c>
      <c r="E185" s="14">
        <v>227</v>
      </c>
      <c r="F185" s="14">
        <v>222</v>
      </c>
      <c r="G185" s="15">
        <v>449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4</v>
      </c>
      <c r="E186" s="14">
        <v>122</v>
      </c>
      <c r="F186" s="14">
        <v>141</v>
      </c>
      <c r="G186" s="15">
        <v>263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297</v>
      </c>
      <c r="E187" s="14">
        <v>273</v>
      </c>
      <c r="F187" s="14">
        <v>339</v>
      </c>
      <c r="G187" s="15">
        <v>612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1</v>
      </c>
      <c r="E188" s="14">
        <v>159</v>
      </c>
      <c r="F188" s="14">
        <v>155</v>
      </c>
      <c r="G188" s="15">
        <v>314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56</v>
      </c>
      <c r="E189" s="14">
        <v>3104</v>
      </c>
      <c r="F189" s="14">
        <v>3359</v>
      </c>
      <c r="G189" s="15">
        <v>6463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28</v>
      </c>
      <c r="E190" s="14">
        <v>125</v>
      </c>
      <c r="F190" s="14">
        <v>123</v>
      </c>
      <c r="G190" s="15">
        <v>24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4</v>
      </c>
      <c r="E191" s="14">
        <v>190</v>
      </c>
      <c r="F191" s="14">
        <v>204</v>
      </c>
      <c r="G191" s="15">
        <v>394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29</v>
      </c>
      <c r="E192" s="14">
        <v>261</v>
      </c>
      <c r="F192" s="14">
        <v>304</v>
      </c>
      <c r="G192" s="15">
        <v>565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1</v>
      </c>
      <c r="E193" s="14">
        <v>232</v>
      </c>
      <c r="F193" s="14">
        <v>275</v>
      </c>
      <c r="G193" s="15">
        <v>507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5</v>
      </c>
      <c r="E194" s="14">
        <v>104</v>
      </c>
      <c r="F194" s="14">
        <v>114</v>
      </c>
      <c r="G194" s="15">
        <v>218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4</v>
      </c>
      <c r="E195" s="14">
        <v>34</v>
      </c>
      <c r="F195" s="14">
        <v>31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9</v>
      </c>
      <c r="E196" s="14">
        <v>106</v>
      </c>
      <c r="F196" s="14">
        <v>135</v>
      </c>
      <c r="G196" s="15">
        <v>241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5</v>
      </c>
      <c r="E197" s="14">
        <v>22</v>
      </c>
      <c r="F197" s="14">
        <v>33</v>
      </c>
      <c r="G197" s="15">
        <v>55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2</v>
      </c>
      <c r="E198" s="14">
        <v>211</v>
      </c>
      <c r="F198" s="14">
        <v>234</v>
      </c>
      <c r="G198" s="15">
        <v>445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3</v>
      </c>
      <c r="E199" s="14">
        <v>154</v>
      </c>
      <c r="F199" s="14">
        <v>186</v>
      </c>
      <c r="G199" s="15">
        <v>340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3</v>
      </c>
      <c r="E200" s="14">
        <v>62</v>
      </c>
      <c r="F200" s="14">
        <v>65</v>
      </c>
      <c r="G200" s="15">
        <v>12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9</v>
      </c>
      <c r="E201" s="14">
        <v>112</v>
      </c>
      <c r="F201" s="14">
        <v>132</v>
      </c>
      <c r="G201" s="15">
        <v>244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1</v>
      </c>
      <c r="E202" s="14">
        <v>587</v>
      </c>
      <c r="F202" s="14">
        <v>584</v>
      </c>
      <c r="G202" s="15">
        <v>117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6</v>
      </c>
      <c r="E203" s="14">
        <v>51</v>
      </c>
      <c r="F203" s="14">
        <v>82</v>
      </c>
      <c r="G203" s="15">
        <v>133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2</v>
      </c>
      <c r="E205" s="14">
        <v>114</v>
      </c>
      <c r="F205" s="14">
        <v>146</v>
      </c>
      <c r="G205" s="15">
        <v>260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1</v>
      </c>
      <c r="E206" s="14">
        <v>486</v>
      </c>
      <c r="F206" s="14">
        <v>548</v>
      </c>
      <c r="G206" s="15">
        <v>1034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7</v>
      </c>
      <c r="E207" s="14">
        <v>536</v>
      </c>
      <c r="F207" s="14">
        <v>583</v>
      </c>
      <c r="G207" s="15">
        <v>1119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21</v>
      </c>
      <c r="E208" s="14">
        <v>226</v>
      </c>
      <c r="F208" s="14">
        <v>232</v>
      </c>
      <c r="G208" s="15">
        <v>45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3</v>
      </c>
      <c r="E209" s="14">
        <v>202</v>
      </c>
      <c r="F209" s="14">
        <v>186</v>
      </c>
      <c r="G209" s="15">
        <v>388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5</v>
      </c>
      <c r="E210" s="14">
        <v>303</v>
      </c>
      <c r="F210" s="14">
        <v>321</v>
      </c>
      <c r="G210" s="15">
        <v>624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5</v>
      </c>
      <c r="E211" s="14">
        <v>44</v>
      </c>
      <c r="F211" s="14">
        <v>41</v>
      </c>
      <c r="G211" s="15">
        <v>85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03</v>
      </c>
      <c r="E212" s="14">
        <v>131</v>
      </c>
      <c r="F212" s="14">
        <v>140</v>
      </c>
      <c r="G212" s="15">
        <v>271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72</v>
      </c>
      <c r="E213" s="14">
        <v>282</v>
      </c>
      <c r="F213" s="14">
        <v>337</v>
      </c>
      <c r="G213" s="15">
        <v>61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4</v>
      </c>
      <c r="E214" s="14">
        <v>213</v>
      </c>
      <c r="F214" s="14">
        <v>218</v>
      </c>
      <c r="G214" s="15">
        <v>431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81</v>
      </c>
      <c r="E215" s="14">
        <v>133</v>
      </c>
      <c r="F215" s="14">
        <v>168</v>
      </c>
      <c r="G215" s="15">
        <v>301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2</v>
      </c>
      <c r="E218" s="14">
        <v>279</v>
      </c>
      <c r="F218" s="14">
        <v>283</v>
      </c>
      <c r="G218" s="15">
        <v>562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2</v>
      </c>
      <c r="E219" s="14">
        <v>76</v>
      </c>
      <c r="F219" s="14">
        <v>98</v>
      </c>
      <c r="G219" s="15">
        <v>17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8</v>
      </c>
      <c r="E220" s="14">
        <v>121</v>
      </c>
      <c r="F220" s="14">
        <v>128</v>
      </c>
      <c r="G220" s="15">
        <v>24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2</v>
      </c>
      <c r="E221" s="14">
        <v>66</v>
      </c>
      <c r="F221" s="14">
        <v>66</v>
      </c>
      <c r="G221" s="15">
        <v>132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5</v>
      </c>
      <c r="E222" s="14">
        <v>88</v>
      </c>
      <c r="F222" s="14">
        <v>105</v>
      </c>
      <c r="G222" s="15">
        <v>193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5</v>
      </c>
      <c r="F223" s="14">
        <v>57</v>
      </c>
      <c r="G223" s="15">
        <v>122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80</v>
      </c>
      <c r="E224" s="14">
        <v>5630</v>
      </c>
      <c r="F224" s="14">
        <v>6172</v>
      </c>
      <c r="G224" s="15">
        <v>11802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5</v>
      </c>
      <c r="E225" s="14">
        <v>694</v>
      </c>
      <c r="F225" s="14">
        <v>757</v>
      </c>
      <c r="G225" s="15">
        <v>1451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1</v>
      </c>
      <c r="E226" s="14">
        <v>385</v>
      </c>
      <c r="F226" s="14">
        <v>392</v>
      </c>
      <c r="G226" s="15">
        <v>777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0</v>
      </c>
      <c r="E227" s="14">
        <v>397</v>
      </c>
      <c r="F227" s="14">
        <v>422</v>
      </c>
      <c r="G227" s="15">
        <v>81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56</v>
      </c>
      <c r="E228" s="14">
        <v>379</v>
      </c>
      <c r="F228" s="14">
        <v>383</v>
      </c>
      <c r="G228" s="15">
        <v>762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8</v>
      </c>
      <c r="E229" s="14">
        <v>627</v>
      </c>
      <c r="F229" s="14">
        <v>686</v>
      </c>
      <c r="G229" s="15">
        <v>1313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39</v>
      </c>
      <c r="E230" s="14">
        <v>359</v>
      </c>
      <c r="F230" s="14">
        <v>379</v>
      </c>
      <c r="G230" s="15">
        <v>738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53</v>
      </c>
      <c r="E231" s="14">
        <v>907</v>
      </c>
      <c r="F231" s="14">
        <v>966</v>
      </c>
      <c r="G231" s="15">
        <v>1873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09</v>
      </c>
      <c r="E232" s="14">
        <v>95</v>
      </c>
      <c r="F232" s="14">
        <v>126</v>
      </c>
      <c r="G232" s="15">
        <v>221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9</v>
      </c>
      <c r="E233" s="14">
        <v>173</v>
      </c>
      <c r="F233" s="14">
        <v>179</v>
      </c>
      <c r="G233" s="15">
        <v>352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7</v>
      </c>
      <c r="E234" s="14">
        <v>85</v>
      </c>
      <c r="F234" s="14">
        <v>95</v>
      </c>
      <c r="G234" s="15">
        <v>180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34</v>
      </c>
      <c r="E235" s="14">
        <v>1270</v>
      </c>
      <c r="F235" s="14">
        <v>1298</v>
      </c>
      <c r="G235" s="15">
        <v>2568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15</v>
      </c>
      <c r="E236" s="14">
        <v>643</v>
      </c>
      <c r="F236" s="14">
        <v>694</v>
      </c>
      <c r="G236" s="15">
        <v>1337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77</v>
      </c>
      <c r="E237" s="14">
        <v>372</v>
      </c>
      <c r="F237" s="14">
        <v>410</v>
      </c>
      <c r="G237" s="15">
        <v>782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7</v>
      </c>
      <c r="E238" s="14">
        <v>298</v>
      </c>
      <c r="F238" s="14">
        <v>324</v>
      </c>
      <c r="G238" s="15">
        <v>622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98</v>
      </c>
      <c r="E239" s="14">
        <v>109</v>
      </c>
      <c r="F239" s="14">
        <v>119</v>
      </c>
      <c r="G239" s="15">
        <v>228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1</v>
      </c>
      <c r="E240" s="14">
        <v>544</v>
      </c>
      <c r="F240" s="14">
        <v>527</v>
      </c>
      <c r="G240" s="15">
        <v>107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749</v>
      </c>
      <c r="E242" s="14">
        <v>7359</v>
      </c>
      <c r="F242" s="14">
        <v>7786</v>
      </c>
      <c r="G242" s="15">
        <v>15145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39</v>
      </c>
      <c r="E244" s="14">
        <v>102</v>
      </c>
      <c r="F244" s="14">
        <v>95</v>
      </c>
      <c r="G244" s="15">
        <v>197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6</v>
      </c>
      <c r="E245" s="14">
        <v>42</v>
      </c>
      <c r="F245" s="14">
        <v>44</v>
      </c>
      <c r="G245" s="15">
        <v>86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4</v>
      </c>
      <c r="F246" s="14">
        <v>43</v>
      </c>
      <c r="G246" s="15">
        <v>67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5</v>
      </c>
      <c r="E247" s="14">
        <v>95</v>
      </c>
      <c r="F247" s="14">
        <v>109</v>
      </c>
      <c r="G247" s="15">
        <v>204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4</v>
      </c>
      <c r="E248" s="14">
        <v>132</v>
      </c>
      <c r="F248" s="14">
        <v>139</v>
      </c>
      <c r="G248" s="15">
        <v>27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</v>
      </c>
      <c r="E249" s="14">
        <v>6</v>
      </c>
      <c r="F249" s="14">
        <v>13</v>
      </c>
      <c r="G249" s="15">
        <v>19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2</v>
      </c>
      <c r="E250" s="14">
        <v>118</v>
      </c>
      <c r="F250" s="14">
        <v>100</v>
      </c>
      <c r="G250" s="15">
        <v>218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8</v>
      </c>
      <c r="E251" s="14">
        <v>90</v>
      </c>
      <c r="F251" s="14">
        <v>104</v>
      </c>
      <c r="G251" s="15">
        <v>194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7</v>
      </c>
      <c r="E252" s="14">
        <v>144</v>
      </c>
      <c r="F252" s="14">
        <v>171</v>
      </c>
      <c r="G252" s="15">
        <v>315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6</v>
      </c>
      <c r="E253" s="14">
        <v>98</v>
      </c>
      <c r="F253" s="14">
        <v>130</v>
      </c>
      <c r="G253" s="15">
        <v>228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09</v>
      </c>
      <c r="E254" s="14">
        <v>212</v>
      </c>
      <c r="F254" s="14">
        <v>262</v>
      </c>
      <c r="G254" s="15">
        <v>474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4</v>
      </c>
      <c r="F255" s="14">
        <v>81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6</v>
      </c>
      <c r="E256" s="14">
        <v>129</v>
      </c>
      <c r="F256" s="14">
        <v>158</v>
      </c>
      <c r="G256" s="15">
        <v>287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50</v>
      </c>
      <c r="E257" s="14">
        <v>136</v>
      </c>
      <c r="F257" s="14">
        <v>170</v>
      </c>
      <c r="G257" s="15">
        <v>306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4</v>
      </c>
      <c r="E258" s="14">
        <v>100</v>
      </c>
      <c r="F258" s="14">
        <v>103</v>
      </c>
      <c r="G258" s="15">
        <v>203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9</v>
      </c>
      <c r="E259" s="14">
        <v>204</v>
      </c>
      <c r="F259" s="14">
        <v>236</v>
      </c>
      <c r="G259" s="15">
        <v>440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7</v>
      </c>
      <c r="E260" s="14">
        <v>122</v>
      </c>
      <c r="F260" s="14">
        <v>85</v>
      </c>
      <c r="G260" s="15">
        <v>207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8</v>
      </c>
      <c r="E261" s="14">
        <v>147</v>
      </c>
      <c r="F261" s="14">
        <v>156</v>
      </c>
      <c r="G261" s="15">
        <v>303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2</v>
      </c>
      <c r="E262" s="14">
        <v>86</v>
      </c>
      <c r="F262" s="14">
        <v>97</v>
      </c>
      <c r="G262" s="15">
        <v>183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6</v>
      </c>
      <c r="E263" s="14">
        <v>127</v>
      </c>
      <c r="F263" s="14">
        <v>145</v>
      </c>
      <c r="G263" s="15">
        <v>272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1</v>
      </c>
      <c r="E264" s="14">
        <v>132</v>
      </c>
      <c r="F264" s="14">
        <v>158</v>
      </c>
      <c r="G264" s="15">
        <v>29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09</v>
      </c>
      <c r="F265" s="14">
        <v>122</v>
      </c>
      <c r="G265" s="15">
        <v>231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4</v>
      </c>
      <c r="E266" s="14">
        <v>125</v>
      </c>
      <c r="F266" s="14">
        <v>122</v>
      </c>
      <c r="G266" s="15">
        <v>247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4</v>
      </c>
      <c r="E267" s="14">
        <v>77</v>
      </c>
      <c r="F267" s="14">
        <v>107</v>
      </c>
      <c r="G267" s="15">
        <v>184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9</v>
      </c>
      <c r="E268" s="14">
        <v>120</v>
      </c>
      <c r="F268" s="14">
        <v>142</v>
      </c>
      <c r="G268" s="15">
        <v>262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6</v>
      </c>
      <c r="E269" s="14">
        <v>124</v>
      </c>
      <c r="F269" s="14">
        <v>145</v>
      </c>
      <c r="G269" s="15">
        <v>269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7</v>
      </c>
      <c r="E270" s="14">
        <v>162</v>
      </c>
      <c r="F270" s="14">
        <v>191</v>
      </c>
      <c r="G270" s="15">
        <v>353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4</v>
      </c>
      <c r="E271" s="14">
        <v>45</v>
      </c>
      <c r="F271" s="14">
        <v>40</v>
      </c>
      <c r="G271" s="15">
        <v>85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42</v>
      </c>
      <c r="E272" s="14">
        <v>396</v>
      </c>
      <c r="F272" s="14">
        <v>204</v>
      </c>
      <c r="G272" s="15">
        <v>600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6</v>
      </c>
      <c r="E273" s="14">
        <v>231</v>
      </c>
      <c r="F273" s="14">
        <v>253</v>
      </c>
      <c r="G273" s="15">
        <v>484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1</v>
      </c>
      <c r="E274" s="14">
        <v>174</v>
      </c>
      <c r="F274" s="14">
        <v>181</v>
      </c>
      <c r="G274" s="15">
        <v>355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41</v>
      </c>
      <c r="E276" s="14">
        <v>3897</v>
      </c>
      <c r="F276" s="14">
        <v>4112</v>
      </c>
      <c r="G276" s="15">
        <v>8009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7</v>
      </c>
      <c r="E277" s="14">
        <v>495</v>
      </c>
      <c r="F277" s="14">
        <v>454</v>
      </c>
      <c r="G277" s="15">
        <v>949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6</v>
      </c>
      <c r="E278" s="14">
        <v>102</v>
      </c>
      <c r="F278" s="14">
        <v>128</v>
      </c>
      <c r="G278" s="15">
        <v>230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6</v>
      </c>
      <c r="E279" s="14">
        <v>133</v>
      </c>
      <c r="F279" s="14">
        <v>168</v>
      </c>
      <c r="G279" s="15">
        <v>30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38</v>
      </c>
      <c r="E280" s="14">
        <v>38</v>
      </c>
      <c r="F280" s="14">
        <v>37</v>
      </c>
      <c r="G280" s="15">
        <v>75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1</v>
      </c>
      <c r="E281" s="14">
        <v>127</v>
      </c>
      <c r="F281" s="14">
        <v>92</v>
      </c>
      <c r="G281" s="15">
        <v>219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63</v>
      </c>
      <c r="E282" s="14">
        <v>169</v>
      </c>
      <c r="F282" s="14">
        <v>208</v>
      </c>
      <c r="G282" s="15">
        <v>377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0</v>
      </c>
      <c r="E283" s="14">
        <v>328</v>
      </c>
      <c r="F283" s="14">
        <v>342</v>
      </c>
      <c r="G283" s="15">
        <v>670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1</v>
      </c>
      <c r="E284" s="14">
        <v>196</v>
      </c>
      <c r="F284" s="14">
        <v>223</v>
      </c>
      <c r="G284" s="15">
        <v>419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3</v>
      </c>
      <c r="E285" s="14">
        <v>226</v>
      </c>
      <c r="F285" s="14">
        <v>230</v>
      </c>
      <c r="G285" s="15">
        <v>456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13</v>
      </c>
      <c r="E286" s="14">
        <v>197</v>
      </c>
      <c r="F286" s="14">
        <v>232</v>
      </c>
      <c r="G286" s="15">
        <v>429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38</v>
      </c>
      <c r="E287" s="14">
        <v>429</v>
      </c>
      <c r="F287" s="14">
        <v>442</v>
      </c>
      <c r="G287" s="15">
        <v>87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83</v>
      </c>
      <c r="E288" s="14">
        <v>604</v>
      </c>
      <c r="F288" s="14">
        <v>676</v>
      </c>
      <c r="G288" s="15">
        <v>128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9</v>
      </c>
      <c r="E289" s="14">
        <v>532</v>
      </c>
      <c r="F289" s="14">
        <v>618</v>
      </c>
      <c r="G289" s="15">
        <v>1150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2</v>
      </c>
      <c r="E290" s="14">
        <v>347</v>
      </c>
      <c r="F290" s="14">
        <v>313</v>
      </c>
      <c r="G290" s="15">
        <v>660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34</v>
      </c>
      <c r="E291" s="14">
        <v>351</v>
      </c>
      <c r="F291" s="14">
        <v>347</v>
      </c>
      <c r="G291" s="15">
        <v>698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32</v>
      </c>
      <c r="E292" s="14">
        <v>240</v>
      </c>
      <c r="F292" s="14">
        <v>274</v>
      </c>
      <c r="G292" s="15">
        <v>514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8</v>
      </c>
      <c r="E293" s="14">
        <v>209</v>
      </c>
      <c r="F293" s="14">
        <v>212</v>
      </c>
      <c r="G293" s="15">
        <v>421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70</v>
      </c>
      <c r="E294" s="14">
        <v>392</v>
      </c>
      <c r="F294" s="14">
        <v>391</v>
      </c>
      <c r="G294" s="15">
        <v>783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24</v>
      </c>
      <c r="E295" s="14">
        <v>5115</v>
      </c>
      <c r="F295" s="14">
        <v>5387</v>
      </c>
      <c r="G295" s="15">
        <v>10502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19</v>
      </c>
      <c r="E297" s="14">
        <v>456</v>
      </c>
      <c r="F297" s="14">
        <v>488</v>
      </c>
      <c r="G297" s="15">
        <v>944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6</v>
      </c>
      <c r="E298" s="14">
        <v>319</v>
      </c>
      <c r="F298" s="14">
        <v>329</v>
      </c>
      <c r="G298" s="15">
        <v>648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5</v>
      </c>
      <c r="E299" s="14">
        <v>354</v>
      </c>
      <c r="F299" s="14">
        <v>353</v>
      </c>
      <c r="G299" s="15">
        <v>707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6</v>
      </c>
      <c r="E300" s="14">
        <v>296</v>
      </c>
      <c r="F300" s="14">
        <v>302</v>
      </c>
      <c r="G300" s="15">
        <v>598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4</v>
      </c>
      <c r="E301" s="14">
        <v>374</v>
      </c>
      <c r="F301" s="14">
        <v>404</v>
      </c>
      <c r="G301" s="15">
        <v>778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2</v>
      </c>
      <c r="E302" s="14">
        <v>184</v>
      </c>
      <c r="F302" s="14">
        <v>166</v>
      </c>
      <c r="G302" s="15">
        <v>350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5</v>
      </c>
      <c r="E303" s="14">
        <v>62</v>
      </c>
      <c r="F303" s="14">
        <v>83</v>
      </c>
      <c r="G303" s="15">
        <v>145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6</v>
      </c>
      <c r="E304" s="14">
        <v>461</v>
      </c>
      <c r="F304" s="14">
        <v>532</v>
      </c>
      <c r="G304" s="15">
        <v>993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8</v>
      </c>
      <c r="E305" s="14">
        <v>200</v>
      </c>
      <c r="F305" s="14">
        <v>217</v>
      </c>
      <c r="G305" s="15">
        <v>417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41</v>
      </c>
      <c r="E306" s="14">
        <v>422</v>
      </c>
      <c r="F306" s="14">
        <v>468</v>
      </c>
      <c r="G306" s="15">
        <v>890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6</v>
      </c>
      <c r="E307" s="14">
        <v>295</v>
      </c>
      <c r="F307" s="14">
        <v>320</v>
      </c>
      <c r="G307" s="15">
        <v>615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45</v>
      </c>
      <c r="E308" s="14">
        <v>464</v>
      </c>
      <c r="F308" s="14">
        <v>480</v>
      </c>
      <c r="G308" s="15">
        <v>944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56</v>
      </c>
      <c r="E309" s="14">
        <v>3889</v>
      </c>
      <c r="F309" s="14">
        <v>4143</v>
      </c>
      <c r="G309" s="15">
        <v>8032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9</v>
      </c>
      <c r="E310" s="14">
        <v>764</v>
      </c>
      <c r="F310" s="14">
        <v>839</v>
      </c>
      <c r="G310" s="15">
        <v>1603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2</v>
      </c>
      <c r="E311" s="14">
        <v>207</v>
      </c>
      <c r="F311" s="14">
        <v>186</v>
      </c>
      <c r="G311" s="15">
        <v>39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42</v>
      </c>
      <c r="E312" s="14">
        <v>275</v>
      </c>
      <c r="F312" s="14">
        <v>312</v>
      </c>
      <c r="G312" s="15">
        <v>587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07</v>
      </c>
      <c r="F313" s="14">
        <v>116</v>
      </c>
      <c r="G313" s="15">
        <v>223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8</v>
      </c>
      <c r="E314" s="14">
        <v>79</v>
      </c>
      <c r="F314" s="14">
        <v>89</v>
      </c>
      <c r="G314" s="15">
        <v>168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8</v>
      </c>
      <c r="E315" s="14">
        <v>631</v>
      </c>
      <c r="F315" s="14">
        <v>706</v>
      </c>
      <c r="G315" s="15">
        <v>1337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44</v>
      </c>
      <c r="E316" s="14">
        <v>451</v>
      </c>
      <c r="F316" s="14">
        <v>441</v>
      </c>
      <c r="G316" s="15">
        <v>892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5</v>
      </c>
      <c r="E317" s="14">
        <v>123</v>
      </c>
      <c r="F317" s="14">
        <v>133</v>
      </c>
      <c r="G317" s="15">
        <v>25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7</v>
      </c>
      <c r="E318" s="14">
        <v>53</v>
      </c>
      <c r="F318" s="14">
        <v>58</v>
      </c>
      <c r="G318" s="15">
        <v>111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59</v>
      </c>
      <c r="E319" s="14">
        <v>61</v>
      </c>
      <c r="F319" s="14">
        <v>52</v>
      </c>
      <c r="G319" s="15">
        <v>113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57</v>
      </c>
      <c r="E320" s="14">
        <v>2751</v>
      </c>
      <c r="F320" s="14">
        <v>2932</v>
      </c>
      <c r="G320" s="15">
        <v>5683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5</v>
      </c>
      <c r="E321" s="14">
        <v>132</v>
      </c>
      <c r="F321" s="14">
        <v>114</v>
      </c>
      <c r="G321" s="15">
        <v>246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50</v>
      </c>
      <c r="E322" s="14">
        <v>106</v>
      </c>
      <c r="F322" s="14">
        <v>99</v>
      </c>
      <c r="G322" s="15">
        <v>205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6</v>
      </c>
      <c r="E323" s="14">
        <v>244</v>
      </c>
      <c r="F323" s="14">
        <v>181</v>
      </c>
      <c r="G323" s="15">
        <v>42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3</v>
      </c>
      <c r="E324" s="14">
        <v>173</v>
      </c>
      <c r="F324" s="14">
        <v>163</v>
      </c>
      <c r="G324" s="15">
        <v>336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50</v>
      </c>
      <c r="E325" s="14">
        <v>429</v>
      </c>
      <c r="F325" s="14">
        <v>349</v>
      </c>
      <c r="G325" s="15">
        <v>778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15</v>
      </c>
      <c r="E326" s="14">
        <v>165</v>
      </c>
      <c r="F326" s="14">
        <v>147</v>
      </c>
      <c r="G326" s="15">
        <v>312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83</v>
      </c>
      <c r="E327" s="14">
        <v>237</v>
      </c>
      <c r="F327" s="14">
        <v>191</v>
      </c>
      <c r="G327" s="15">
        <v>428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66</v>
      </c>
      <c r="E328" s="14">
        <v>396</v>
      </c>
      <c r="F328" s="14">
        <v>379</v>
      </c>
      <c r="G328" s="15">
        <v>775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7</v>
      </c>
      <c r="E329" s="14">
        <v>63</v>
      </c>
      <c r="F329" s="14">
        <v>49</v>
      </c>
      <c r="G329" s="15">
        <v>112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11</v>
      </c>
      <c r="E330" s="14">
        <v>440</v>
      </c>
      <c r="F330" s="14">
        <v>362</v>
      </c>
      <c r="G330" s="15">
        <v>802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53</v>
      </c>
      <c r="E331" s="14">
        <v>239</v>
      </c>
      <c r="F331" s="14">
        <v>220</v>
      </c>
      <c r="G331" s="15">
        <v>459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3</v>
      </c>
      <c r="E332" s="14">
        <v>109</v>
      </c>
      <c r="F332" s="14">
        <v>129</v>
      </c>
      <c r="G332" s="15">
        <v>238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6</v>
      </c>
      <c r="E333" s="14">
        <v>63</v>
      </c>
      <c r="F333" s="14">
        <v>73</v>
      </c>
      <c r="G333" s="15">
        <v>136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15</v>
      </c>
      <c r="E334" s="14">
        <v>181</v>
      </c>
      <c r="F334" s="14">
        <v>123</v>
      </c>
      <c r="G334" s="15">
        <v>304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2</v>
      </c>
      <c r="E335" s="14">
        <v>62</v>
      </c>
      <c r="F335" s="14">
        <v>45</v>
      </c>
      <c r="G335" s="15">
        <v>107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8</v>
      </c>
      <c r="E336" s="14">
        <v>48</v>
      </c>
      <c r="F336" s="14">
        <v>51</v>
      </c>
      <c r="G336" s="15">
        <v>99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5</v>
      </c>
      <c r="E337" s="14">
        <v>166</v>
      </c>
      <c r="F337" s="14">
        <v>160</v>
      </c>
      <c r="G337" s="15">
        <v>326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55</v>
      </c>
      <c r="E338" s="14">
        <v>276</v>
      </c>
      <c r="F338" s="14">
        <v>197</v>
      </c>
      <c r="G338" s="15">
        <v>47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14</v>
      </c>
      <c r="E339" s="14">
        <v>209</v>
      </c>
      <c r="F339" s="14">
        <v>201</v>
      </c>
      <c r="G339" s="15">
        <v>410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1</v>
      </c>
      <c r="E340" s="14">
        <v>71</v>
      </c>
      <c r="F340" s="14">
        <v>81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4</v>
      </c>
      <c r="F341" s="14">
        <v>72</v>
      </c>
      <c r="G341" s="15">
        <v>146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7</v>
      </c>
      <c r="G342" s="15">
        <v>6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57</v>
      </c>
      <c r="E343" s="14">
        <v>136</v>
      </c>
      <c r="F343" s="14">
        <v>148</v>
      </c>
      <c r="G343" s="15">
        <v>284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9</v>
      </c>
      <c r="E344" s="14">
        <v>99</v>
      </c>
      <c r="F344" s="14">
        <v>93</v>
      </c>
      <c r="G344" s="15">
        <v>192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1</v>
      </c>
      <c r="E345" s="14">
        <v>164</v>
      </c>
      <c r="F345" s="14">
        <v>159</v>
      </c>
      <c r="G345" s="15">
        <v>323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8</v>
      </c>
      <c r="E346" s="14">
        <v>205</v>
      </c>
      <c r="F346" s="14">
        <v>199</v>
      </c>
      <c r="G346" s="15">
        <v>404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2</v>
      </c>
      <c r="E347" s="14">
        <v>251</v>
      </c>
      <c r="F347" s="14">
        <v>254</v>
      </c>
      <c r="G347" s="15">
        <v>505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31</v>
      </c>
      <c r="F348" s="14">
        <v>120</v>
      </c>
      <c r="G348" s="15">
        <v>25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4</v>
      </c>
      <c r="E349" s="14">
        <v>233</v>
      </c>
      <c r="F349" s="14">
        <v>221</v>
      </c>
      <c r="G349" s="15">
        <v>45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2</v>
      </c>
      <c r="F350" s="14">
        <v>166</v>
      </c>
      <c r="G350" s="15">
        <v>318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552</v>
      </c>
      <c r="E351" s="14">
        <v>5286</v>
      </c>
      <c r="F351" s="14">
        <v>4783</v>
      </c>
      <c r="G351" s="15">
        <v>10069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79</v>
      </c>
      <c r="E352" s="14">
        <v>99</v>
      </c>
      <c r="F352" s="14">
        <v>107</v>
      </c>
      <c r="G352" s="15">
        <v>20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8</v>
      </c>
      <c r="E353" s="14">
        <v>9</v>
      </c>
      <c r="F353" s="14">
        <v>9</v>
      </c>
      <c r="G353" s="15">
        <v>18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0</v>
      </c>
      <c r="E354" s="14">
        <v>70</v>
      </c>
      <c r="F354" s="14">
        <v>92</v>
      </c>
      <c r="G354" s="15">
        <v>162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22</v>
      </c>
      <c r="F355" s="14">
        <v>130</v>
      </c>
      <c r="G355" s="15">
        <v>252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0</v>
      </c>
      <c r="E356" s="14">
        <v>507</v>
      </c>
      <c r="F356" s="14">
        <v>533</v>
      </c>
      <c r="G356" s="15">
        <v>1040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9</v>
      </c>
      <c r="E357" s="14">
        <v>56</v>
      </c>
      <c r="F357" s="14">
        <v>86</v>
      </c>
      <c r="G357" s="15">
        <v>142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70</v>
      </c>
      <c r="E358" s="14">
        <v>40</v>
      </c>
      <c r="F358" s="14">
        <v>71</v>
      </c>
      <c r="G358" s="15">
        <v>111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0</v>
      </c>
      <c r="E359" s="14">
        <v>45</v>
      </c>
      <c r="F359" s="14">
        <v>66</v>
      </c>
      <c r="G359" s="15">
        <v>111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6</v>
      </c>
      <c r="E360" s="14">
        <v>444</v>
      </c>
      <c r="F360" s="14">
        <v>444</v>
      </c>
      <c r="G360" s="15">
        <v>888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8</v>
      </c>
      <c r="E361" s="14">
        <v>124</v>
      </c>
      <c r="F361" s="14">
        <v>153</v>
      </c>
      <c r="G361" s="15">
        <v>277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5</v>
      </c>
      <c r="E362" s="14">
        <v>209</v>
      </c>
      <c r="F362" s="14">
        <v>245</v>
      </c>
      <c r="G362" s="15">
        <v>454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3</v>
      </c>
      <c r="E363" s="14">
        <v>190</v>
      </c>
      <c r="F363" s="14">
        <v>203</v>
      </c>
      <c r="G363" s="15">
        <v>393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797</v>
      </c>
      <c r="E364" s="14">
        <v>1915</v>
      </c>
      <c r="F364" s="14">
        <v>2139</v>
      </c>
      <c r="G364" s="15">
        <v>4054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3</v>
      </c>
      <c r="G365" s="15">
        <v>4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9</v>
      </c>
      <c r="E366" s="14">
        <v>40</v>
      </c>
      <c r="F366" s="14">
        <v>48</v>
      </c>
      <c r="G366" s="15">
        <v>8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7</v>
      </c>
      <c r="E368" s="14">
        <v>22</v>
      </c>
      <c r="F368" s="14">
        <v>24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60</v>
      </c>
      <c r="E370" s="14">
        <v>49</v>
      </c>
      <c r="F370" s="14">
        <v>59</v>
      </c>
      <c r="G370" s="15">
        <v>10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5</v>
      </c>
      <c r="E371" s="14">
        <v>38</v>
      </c>
      <c r="F371" s="14">
        <v>37</v>
      </c>
      <c r="G371" s="15">
        <v>75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9</v>
      </c>
      <c r="F372" s="14">
        <v>81</v>
      </c>
      <c r="G372" s="15">
        <v>140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1</v>
      </c>
      <c r="E373" s="14">
        <v>19</v>
      </c>
      <c r="F373" s="14">
        <v>30</v>
      </c>
      <c r="G373" s="15">
        <v>49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8</v>
      </c>
      <c r="G374" s="15">
        <v>35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6</v>
      </c>
      <c r="F375" s="14">
        <v>53</v>
      </c>
      <c r="G375" s="15">
        <v>89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0</v>
      </c>
      <c r="F376" s="14">
        <v>40</v>
      </c>
      <c r="G376" s="15">
        <v>80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8</v>
      </c>
      <c r="F377" s="14">
        <v>25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8</v>
      </c>
      <c r="E378" s="14">
        <v>82</v>
      </c>
      <c r="F378" s="14">
        <v>99</v>
      </c>
      <c r="G378" s="15">
        <v>18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2</v>
      </c>
      <c r="E379" s="14">
        <v>95</v>
      </c>
      <c r="F379" s="14">
        <v>113</v>
      </c>
      <c r="G379" s="15">
        <v>208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9</v>
      </c>
      <c r="E380" s="14">
        <v>78</v>
      </c>
      <c r="F380" s="14">
        <v>91</v>
      </c>
      <c r="G380" s="15">
        <v>169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4</v>
      </c>
      <c r="E381" s="14">
        <v>106</v>
      </c>
      <c r="F381" s="14">
        <v>118</v>
      </c>
      <c r="G381" s="15">
        <v>22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8</v>
      </c>
      <c r="F384" s="14">
        <v>43</v>
      </c>
      <c r="G384" s="15">
        <v>8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4</v>
      </c>
      <c r="E385" s="14">
        <v>16</v>
      </c>
      <c r="F385" s="14">
        <v>15</v>
      </c>
      <c r="G385" s="15">
        <v>31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0</v>
      </c>
      <c r="E386" s="14">
        <v>27</v>
      </c>
      <c r="F386" s="14">
        <v>32</v>
      </c>
      <c r="G386" s="15">
        <v>59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9</v>
      </c>
      <c r="E387" s="14">
        <v>41</v>
      </c>
      <c r="F387" s="14">
        <v>63</v>
      </c>
      <c r="G387" s="15">
        <v>10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1</v>
      </c>
      <c r="E388" s="14">
        <v>33</v>
      </c>
      <c r="F388" s="14">
        <v>24</v>
      </c>
      <c r="G388" s="15">
        <v>57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79</v>
      </c>
      <c r="E389" s="14">
        <v>85</v>
      </c>
      <c r="F389" s="14">
        <v>95</v>
      </c>
      <c r="G389" s="15">
        <v>180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5</v>
      </c>
      <c r="F390" s="14">
        <v>85</v>
      </c>
      <c r="G390" s="15">
        <v>160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4</v>
      </c>
      <c r="F391" s="14">
        <v>91</v>
      </c>
      <c r="G391" s="15">
        <v>17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5</v>
      </c>
      <c r="G392" s="15">
        <v>6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2</v>
      </c>
      <c r="E393" s="14">
        <v>106</v>
      </c>
      <c r="F393" s="14">
        <v>89</v>
      </c>
      <c r="G393" s="15">
        <v>195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7</v>
      </c>
      <c r="E394" s="14">
        <v>62</v>
      </c>
      <c r="F394" s="14">
        <v>71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89</v>
      </c>
      <c r="E395" s="14">
        <v>1430</v>
      </c>
      <c r="F395" s="14">
        <v>1645</v>
      </c>
      <c r="G395" s="15">
        <v>3075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7</v>
      </c>
      <c r="F396" s="14">
        <v>73</v>
      </c>
      <c r="G396" s="15">
        <v>140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18</v>
      </c>
      <c r="E397" s="14">
        <v>259</v>
      </c>
      <c r="F397" s="14">
        <v>248</v>
      </c>
      <c r="G397" s="15">
        <v>507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1</v>
      </c>
      <c r="E398" s="14">
        <v>37</v>
      </c>
      <c r="F398" s="14">
        <v>32</v>
      </c>
      <c r="G398" s="15">
        <v>69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8</v>
      </c>
      <c r="E399" s="14">
        <v>52</v>
      </c>
      <c r="F399" s="14">
        <v>29</v>
      </c>
      <c r="G399" s="15">
        <v>81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3</v>
      </c>
      <c r="E400" s="14">
        <v>167</v>
      </c>
      <c r="F400" s="14">
        <v>171</v>
      </c>
      <c r="G400" s="15">
        <v>338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4</v>
      </c>
      <c r="E401" s="14">
        <v>117</v>
      </c>
      <c r="F401" s="14">
        <v>138</v>
      </c>
      <c r="G401" s="15">
        <v>255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1</v>
      </c>
      <c r="E402" s="14">
        <v>282</v>
      </c>
      <c r="F402" s="14">
        <v>331</v>
      </c>
      <c r="G402" s="15">
        <v>613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3</v>
      </c>
      <c r="E403" s="14">
        <v>186</v>
      </c>
      <c r="F403" s="14">
        <v>213</v>
      </c>
      <c r="G403" s="15">
        <v>39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2</v>
      </c>
      <c r="E404" s="14">
        <v>117</v>
      </c>
      <c r="F404" s="14">
        <v>137</v>
      </c>
      <c r="G404" s="15">
        <v>254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2</v>
      </c>
      <c r="E405" s="14">
        <v>347</v>
      </c>
      <c r="F405" s="14">
        <v>342</v>
      </c>
      <c r="G405" s="15">
        <v>689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99</v>
      </c>
      <c r="E406" s="14">
        <v>230</v>
      </c>
      <c r="F406" s="14">
        <v>246</v>
      </c>
      <c r="G406" s="15">
        <v>476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50</v>
      </c>
      <c r="F407" s="14">
        <v>158</v>
      </c>
      <c r="G407" s="15">
        <v>308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2</v>
      </c>
      <c r="E408" s="14">
        <v>139</v>
      </c>
      <c r="F408" s="14">
        <v>137</v>
      </c>
      <c r="G408" s="15">
        <v>276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8</v>
      </c>
      <c r="E409" s="14">
        <v>230</v>
      </c>
      <c r="F409" s="14">
        <v>240</v>
      </c>
      <c r="G409" s="15">
        <v>470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4</v>
      </c>
      <c r="F410" s="14">
        <v>154</v>
      </c>
      <c r="G410" s="15">
        <v>30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8</v>
      </c>
      <c r="F411" s="14">
        <v>217</v>
      </c>
      <c r="G411" s="15">
        <v>445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50</v>
      </c>
      <c r="E412" s="14">
        <v>56</v>
      </c>
      <c r="F412" s="14">
        <v>68</v>
      </c>
      <c r="G412" s="15">
        <v>124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04</v>
      </c>
      <c r="E413" s="14">
        <v>2818</v>
      </c>
      <c r="F413" s="14">
        <v>2934</v>
      </c>
      <c r="G413" s="15">
        <v>5752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6</v>
      </c>
      <c r="E414" s="14">
        <v>405</v>
      </c>
      <c r="F414" s="14">
        <v>441</v>
      </c>
      <c r="G414" s="15">
        <v>846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18</v>
      </c>
      <c r="E415" s="14">
        <v>118</v>
      </c>
      <c r="F415" s="14">
        <v>127</v>
      </c>
      <c r="G415" s="15">
        <v>24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9</v>
      </c>
      <c r="E416" s="14">
        <v>9</v>
      </c>
      <c r="F416" s="14">
        <v>0</v>
      </c>
      <c r="G416" s="15">
        <v>9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5</v>
      </c>
      <c r="E417" s="14">
        <v>60</v>
      </c>
      <c r="F417" s="14">
        <v>58</v>
      </c>
      <c r="G417" s="15">
        <v>11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1</v>
      </c>
      <c r="E418" s="14">
        <v>33</v>
      </c>
      <c r="F418" s="14">
        <v>24</v>
      </c>
      <c r="G418" s="15">
        <v>57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0</v>
      </c>
      <c r="F419" s="14">
        <v>61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5</v>
      </c>
      <c r="E420" s="14">
        <v>274</v>
      </c>
      <c r="F420" s="14">
        <v>268</v>
      </c>
      <c r="G420" s="15">
        <v>542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3</v>
      </c>
      <c r="E421" s="14">
        <v>207</v>
      </c>
      <c r="F421" s="14">
        <v>232</v>
      </c>
      <c r="G421" s="15">
        <v>439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62</v>
      </c>
      <c r="F422" s="14">
        <v>368</v>
      </c>
      <c r="G422" s="15">
        <v>73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17</v>
      </c>
      <c r="E423" s="14">
        <v>219</v>
      </c>
      <c r="F423" s="14">
        <v>197</v>
      </c>
      <c r="G423" s="15">
        <v>416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79</v>
      </c>
      <c r="E424" s="14">
        <v>84</v>
      </c>
      <c r="F424" s="14">
        <v>58</v>
      </c>
      <c r="G424" s="15">
        <v>142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8</v>
      </c>
      <c r="E425" s="14">
        <v>188</v>
      </c>
      <c r="F425" s="14">
        <v>212</v>
      </c>
      <c r="G425" s="15">
        <v>400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297</v>
      </c>
      <c r="F426" s="14">
        <v>321</v>
      </c>
      <c r="G426" s="15">
        <v>618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8</v>
      </c>
      <c r="E427" s="14">
        <v>376</v>
      </c>
      <c r="F427" s="14">
        <v>371</v>
      </c>
      <c r="G427" s="15">
        <v>747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7</v>
      </c>
      <c r="E428" s="14">
        <v>247</v>
      </c>
      <c r="F428" s="14">
        <v>269</v>
      </c>
      <c r="G428" s="15">
        <v>516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3</v>
      </c>
      <c r="E429" s="14">
        <v>152</v>
      </c>
      <c r="F429" s="14">
        <v>172</v>
      </c>
      <c r="G429" s="15">
        <v>324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8</v>
      </c>
      <c r="E430" s="14">
        <v>332</v>
      </c>
      <c r="F430" s="14">
        <v>351</v>
      </c>
      <c r="G430" s="15">
        <v>683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3</v>
      </c>
      <c r="E431" s="14">
        <v>21</v>
      </c>
      <c r="F431" s="14">
        <v>6</v>
      </c>
      <c r="G431" s="15">
        <v>27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17</v>
      </c>
      <c r="F432" s="14">
        <v>313</v>
      </c>
      <c r="G432" s="15">
        <v>630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65</v>
      </c>
      <c r="E433" s="14">
        <v>3761</v>
      </c>
      <c r="F433" s="14">
        <v>3849</v>
      </c>
      <c r="G433" s="15">
        <v>7610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50</v>
      </c>
      <c r="E434" s="14">
        <v>60</v>
      </c>
      <c r="F434" s="14">
        <v>71</v>
      </c>
      <c r="G434" s="15">
        <v>131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2</v>
      </c>
      <c r="F435" s="14">
        <v>80</v>
      </c>
      <c r="G435" s="15">
        <v>15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58</v>
      </c>
      <c r="F436" s="14">
        <v>71</v>
      </c>
      <c r="G436" s="15">
        <v>129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4</v>
      </c>
      <c r="F437" s="14">
        <v>22</v>
      </c>
      <c r="G437" s="15">
        <v>46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7</v>
      </c>
      <c r="E438" s="14">
        <v>61</v>
      </c>
      <c r="F438" s="14">
        <v>75</v>
      </c>
      <c r="G438" s="15">
        <v>136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4</v>
      </c>
      <c r="F440" s="14">
        <v>46</v>
      </c>
      <c r="G440" s="15">
        <v>9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4</v>
      </c>
      <c r="F441" s="14">
        <v>93</v>
      </c>
      <c r="G441" s="15">
        <v>177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1</v>
      </c>
      <c r="F442" s="14">
        <v>114</v>
      </c>
      <c r="G442" s="15">
        <v>215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4</v>
      </c>
      <c r="F443" s="14">
        <v>108</v>
      </c>
      <c r="G443" s="15">
        <v>212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79</v>
      </c>
      <c r="F444" s="14">
        <v>89</v>
      </c>
      <c r="G444" s="15">
        <v>168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0</v>
      </c>
      <c r="E445" s="14">
        <v>101</v>
      </c>
      <c r="F445" s="14">
        <v>137</v>
      </c>
      <c r="G445" s="15">
        <v>238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7</v>
      </c>
      <c r="F446" s="14">
        <v>75</v>
      </c>
      <c r="G446" s="15">
        <v>152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10</v>
      </c>
      <c r="E447" s="14">
        <v>108</v>
      </c>
      <c r="F447" s="14">
        <v>120</v>
      </c>
      <c r="G447" s="15">
        <v>228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39</v>
      </c>
      <c r="E448" s="14">
        <v>140</v>
      </c>
      <c r="F448" s="14">
        <v>177</v>
      </c>
      <c r="G448" s="15">
        <v>31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7</v>
      </c>
      <c r="E449" s="14">
        <v>1129</v>
      </c>
      <c r="F449" s="14">
        <v>1293</v>
      </c>
      <c r="G449" s="15">
        <v>2422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4</v>
      </c>
      <c r="E450" s="14">
        <v>65</v>
      </c>
      <c r="F450" s="14">
        <v>80</v>
      </c>
      <c r="G450" s="15">
        <v>145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48</v>
      </c>
      <c r="E451" s="14">
        <v>271</v>
      </c>
      <c r="F451" s="14">
        <v>281</v>
      </c>
      <c r="G451" s="15">
        <v>552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6</v>
      </c>
      <c r="E452" s="14">
        <v>93</v>
      </c>
      <c r="F452" s="14">
        <v>100</v>
      </c>
      <c r="G452" s="15">
        <v>193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8</v>
      </c>
      <c r="F453" s="14">
        <v>37</v>
      </c>
      <c r="G453" s="15">
        <v>75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8</v>
      </c>
      <c r="E455" s="14">
        <v>80</v>
      </c>
      <c r="F455" s="14">
        <v>95</v>
      </c>
      <c r="G455" s="15">
        <v>1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7</v>
      </c>
      <c r="E456" s="14">
        <v>134</v>
      </c>
      <c r="F456" s="14">
        <v>137</v>
      </c>
      <c r="G456" s="15">
        <v>271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9</v>
      </c>
      <c r="E457" s="14">
        <v>142</v>
      </c>
      <c r="F457" s="14">
        <v>155</v>
      </c>
      <c r="G457" s="15">
        <v>297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5</v>
      </c>
      <c r="F458" s="14">
        <v>27</v>
      </c>
      <c r="G458" s="15">
        <v>52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7</v>
      </c>
      <c r="E460" s="14">
        <v>40</v>
      </c>
      <c r="F460" s="14">
        <v>65</v>
      </c>
      <c r="G460" s="15">
        <v>105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6</v>
      </c>
      <c r="E461" s="14">
        <v>41</v>
      </c>
      <c r="F461" s="14">
        <v>56</v>
      </c>
      <c r="G461" s="15">
        <v>9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8</v>
      </c>
      <c r="E462" s="14">
        <v>45</v>
      </c>
      <c r="F462" s="14">
        <v>50</v>
      </c>
      <c r="G462" s="15">
        <v>95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3</v>
      </c>
      <c r="E463" s="14">
        <v>39</v>
      </c>
      <c r="F463" s="14">
        <v>49</v>
      </c>
      <c r="G463" s="15">
        <v>88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4</v>
      </c>
      <c r="E464" s="14">
        <v>70</v>
      </c>
      <c r="F464" s="14">
        <v>72</v>
      </c>
      <c r="G464" s="15">
        <v>14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8</v>
      </c>
      <c r="E465" s="14">
        <v>88</v>
      </c>
      <c r="F465" s="14">
        <v>107</v>
      </c>
      <c r="G465" s="15">
        <v>195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7</v>
      </c>
      <c r="E466" s="14">
        <v>331</v>
      </c>
      <c r="F466" s="14">
        <v>316</v>
      </c>
      <c r="G466" s="15">
        <v>647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2</v>
      </c>
      <c r="F467" s="14">
        <v>103</v>
      </c>
      <c r="G467" s="15">
        <v>195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5</v>
      </c>
      <c r="E468" s="14">
        <v>8</v>
      </c>
      <c r="F468" s="14">
        <v>3</v>
      </c>
      <c r="G468" s="15">
        <v>11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22</v>
      </c>
      <c r="F469" s="14">
        <v>282</v>
      </c>
      <c r="G469" s="15">
        <v>604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7</v>
      </c>
      <c r="E470" s="14">
        <v>1973</v>
      </c>
      <c r="F470" s="14">
        <v>2071</v>
      </c>
      <c r="G470" s="15">
        <v>4044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8</v>
      </c>
      <c r="E471" s="14">
        <v>150</v>
      </c>
      <c r="F471" s="14">
        <v>140</v>
      </c>
      <c r="G471" s="15">
        <v>290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1</v>
      </c>
      <c r="E473" s="14">
        <v>245</v>
      </c>
      <c r="F473" s="14">
        <v>281</v>
      </c>
      <c r="G473" s="15">
        <v>526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4</v>
      </c>
      <c r="E474" s="14">
        <v>165</v>
      </c>
      <c r="F474" s="14">
        <v>182</v>
      </c>
      <c r="G474" s="15">
        <v>347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1</v>
      </c>
      <c r="E475" s="14">
        <v>305</v>
      </c>
      <c r="F475" s="14">
        <v>320</v>
      </c>
      <c r="G475" s="15">
        <v>625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4</v>
      </c>
      <c r="E476" s="14">
        <v>43</v>
      </c>
      <c r="F476" s="14">
        <v>46</v>
      </c>
      <c r="G476" s="15">
        <v>89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382</v>
      </c>
      <c r="E477" s="14">
        <v>389</v>
      </c>
      <c r="F477" s="14">
        <v>433</v>
      </c>
      <c r="G477" s="15">
        <v>822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47</v>
      </c>
      <c r="E478" s="14">
        <v>177</v>
      </c>
      <c r="F478" s="14">
        <v>150</v>
      </c>
      <c r="G478" s="15">
        <v>327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80</v>
      </c>
      <c r="E479" s="14">
        <v>90</v>
      </c>
      <c r="F479" s="14">
        <v>99</v>
      </c>
      <c r="G479" s="15">
        <v>189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22</v>
      </c>
      <c r="E480" s="14">
        <v>192</v>
      </c>
      <c r="F480" s="14">
        <v>233</v>
      </c>
      <c r="G480" s="15">
        <v>425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6</v>
      </c>
      <c r="E481" s="14">
        <v>116</v>
      </c>
      <c r="F481" s="14">
        <v>105</v>
      </c>
      <c r="G481" s="15">
        <v>221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69</v>
      </c>
      <c r="E482" s="14">
        <v>179</v>
      </c>
      <c r="F482" s="14">
        <v>196</v>
      </c>
      <c r="G482" s="15">
        <v>375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06</v>
      </c>
      <c r="E483" s="14">
        <v>234</v>
      </c>
      <c r="F483" s="14">
        <v>244</v>
      </c>
      <c r="G483" s="15">
        <v>478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8</v>
      </c>
      <c r="E484" s="14">
        <v>233</v>
      </c>
      <c r="F484" s="14">
        <v>247</v>
      </c>
      <c r="G484" s="15">
        <v>480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2</v>
      </c>
      <c r="E485" s="14">
        <v>212</v>
      </c>
      <c r="F485" s="14">
        <v>223</v>
      </c>
      <c r="G485" s="15">
        <v>435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3</v>
      </c>
      <c r="E486" s="14">
        <v>262</v>
      </c>
      <c r="F486" s="14">
        <v>267</v>
      </c>
      <c r="G486" s="15">
        <v>529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99</v>
      </c>
      <c r="E487" s="14">
        <v>104</v>
      </c>
      <c r="F487" s="14">
        <v>106</v>
      </c>
      <c r="G487" s="15">
        <v>210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7</v>
      </c>
      <c r="E488" s="14">
        <v>135</v>
      </c>
      <c r="F488" s="14">
        <v>152</v>
      </c>
      <c r="G488" s="15">
        <v>287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56</v>
      </c>
      <c r="E489" s="14">
        <v>56</v>
      </c>
      <c r="F489" s="14">
        <v>66</v>
      </c>
      <c r="G489" s="15">
        <v>122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2</v>
      </c>
      <c r="E490" s="14">
        <v>287</v>
      </c>
      <c r="F490" s="14">
        <v>291</v>
      </c>
      <c r="G490" s="15">
        <v>578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39</v>
      </c>
      <c r="E491" s="14">
        <v>155</v>
      </c>
      <c r="F491" s="14">
        <v>171</v>
      </c>
      <c r="G491" s="15">
        <v>326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3</v>
      </c>
      <c r="E492" s="14">
        <v>80</v>
      </c>
      <c r="F492" s="14">
        <v>94</v>
      </c>
      <c r="G492" s="15">
        <v>174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1</v>
      </c>
      <c r="E493" s="14">
        <v>146</v>
      </c>
      <c r="F493" s="14">
        <v>149</v>
      </c>
      <c r="G493" s="15">
        <v>295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22</v>
      </c>
      <c r="E494" s="14">
        <v>151</v>
      </c>
      <c r="F494" s="14">
        <v>151</v>
      </c>
      <c r="G494" s="15">
        <v>302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2</v>
      </c>
      <c r="E495" s="14">
        <v>332</v>
      </c>
      <c r="F495" s="14">
        <v>335</v>
      </c>
      <c r="G495" s="15">
        <v>667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3</v>
      </c>
      <c r="E496" s="14">
        <v>213</v>
      </c>
      <c r="F496" s="14">
        <v>224</v>
      </c>
      <c r="G496" s="15">
        <v>437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68</v>
      </c>
      <c r="E497" s="14">
        <v>199</v>
      </c>
      <c r="F497" s="14">
        <v>205</v>
      </c>
      <c r="G497" s="15">
        <v>404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3</v>
      </c>
      <c r="E498" s="14">
        <v>203</v>
      </c>
      <c r="F498" s="14">
        <v>183</v>
      </c>
      <c r="G498" s="15">
        <v>386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4</v>
      </c>
      <c r="E499" s="14">
        <v>204</v>
      </c>
      <c r="F499" s="14">
        <v>202</v>
      </c>
      <c r="G499" s="15">
        <v>406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3</v>
      </c>
      <c r="F500" s="14">
        <v>223</v>
      </c>
      <c r="G500" s="15">
        <v>416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52</v>
      </c>
      <c r="E501" s="14">
        <v>335</v>
      </c>
      <c r="F501" s="14">
        <v>299</v>
      </c>
      <c r="G501" s="15">
        <v>634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1</v>
      </c>
      <c r="E502" s="14">
        <v>165</v>
      </c>
      <c r="F502" s="14">
        <v>163</v>
      </c>
      <c r="G502" s="15">
        <v>328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89</v>
      </c>
      <c r="E503" s="14">
        <v>177</v>
      </c>
      <c r="F503" s="14">
        <v>219</v>
      </c>
      <c r="G503" s="15">
        <v>396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50</v>
      </c>
      <c r="E504" s="14">
        <v>176</v>
      </c>
      <c r="F504" s="14">
        <v>167</v>
      </c>
      <c r="G504" s="15">
        <v>343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40</v>
      </c>
      <c r="E505" s="14">
        <v>167</v>
      </c>
      <c r="F505" s="14">
        <v>168</v>
      </c>
      <c r="G505" s="15">
        <v>335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48</v>
      </c>
      <c r="E506" s="14">
        <v>385</v>
      </c>
      <c r="F506" s="14">
        <v>379</v>
      </c>
      <c r="G506" s="15">
        <v>764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29</v>
      </c>
      <c r="E507" s="14">
        <v>472</v>
      </c>
      <c r="F507" s="14">
        <v>498</v>
      </c>
      <c r="G507" s="15">
        <v>970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31</v>
      </c>
      <c r="E508" s="14">
        <v>210</v>
      </c>
      <c r="F508" s="14">
        <v>219</v>
      </c>
      <c r="G508" s="15">
        <v>429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38</v>
      </c>
      <c r="E509" s="14">
        <v>7568</v>
      </c>
      <c r="F509" s="14">
        <v>7865</v>
      </c>
      <c r="G509" s="15">
        <v>15433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67</v>
      </c>
      <c r="E510" s="14">
        <v>195</v>
      </c>
      <c r="F510" s="14">
        <v>181</v>
      </c>
      <c r="G510" s="15">
        <v>376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83</v>
      </c>
      <c r="E511" s="14">
        <v>146</v>
      </c>
      <c r="F511" s="14">
        <v>203</v>
      </c>
      <c r="G511" s="15">
        <v>349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5</v>
      </c>
      <c r="E512" s="14">
        <v>100</v>
      </c>
      <c r="F512" s="14">
        <v>106</v>
      </c>
      <c r="G512" s="15">
        <v>206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7</v>
      </c>
      <c r="E513" s="14">
        <v>349</v>
      </c>
      <c r="F513" s="14">
        <v>367</v>
      </c>
      <c r="G513" s="15">
        <v>716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26</v>
      </c>
      <c r="E514" s="14">
        <v>497</v>
      </c>
      <c r="F514" s="14">
        <v>547</v>
      </c>
      <c r="G514" s="15">
        <v>1044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489</v>
      </c>
      <c r="E515" s="14">
        <v>470</v>
      </c>
      <c r="F515" s="14">
        <v>513</v>
      </c>
      <c r="G515" s="15">
        <v>983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32</v>
      </c>
      <c r="E516" s="14">
        <v>322</v>
      </c>
      <c r="F516" s="14">
        <v>329</v>
      </c>
      <c r="G516" s="15">
        <v>651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0</v>
      </c>
      <c r="E517" s="14">
        <v>184</v>
      </c>
      <c r="F517" s="14">
        <v>196</v>
      </c>
      <c r="G517" s="15">
        <v>380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05</v>
      </c>
      <c r="E518" s="14">
        <v>525</v>
      </c>
      <c r="F518" s="14">
        <v>635</v>
      </c>
      <c r="G518" s="15">
        <v>1160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2</v>
      </c>
      <c r="E519" s="14">
        <v>97</v>
      </c>
      <c r="F519" s="14">
        <v>108</v>
      </c>
      <c r="G519" s="15">
        <v>205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477</v>
      </c>
      <c r="E520" s="14">
        <v>498</v>
      </c>
      <c r="F520" s="14">
        <v>554</v>
      </c>
      <c r="G520" s="15">
        <v>1052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8</v>
      </c>
      <c r="E521" s="14">
        <v>161</v>
      </c>
      <c r="F521" s="14">
        <v>160</v>
      </c>
      <c r="G521" s="15">
        <v>321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2</v>
      </c>
      <c r="E522" s="14">
        <v>19</v>
      </c>
      <c r="F522" s="14">
        <v>21</v>
      </c>
      <c r="G522" s="15">
        <v>40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23</v>
      </c>
      <c r="E523" s="14">
        <v>16</v>
      </c>
      <c r="F523" s="14">
        <v>7</v>
      </c>
      <c r="G523" s="15">
        <v>23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92</v>
      </c>
      <c r="E524" s="14">
        <v>84</v>
      </c>
      <c r="F524" s="14">
        <v>87</v>
      </c>
      <c r="G524" s="15">
        <v>171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32</v>
      </c>
      <c r="E525" s="14">
        <v>472</v>
      </c>
      <c r="F525" s="14">
        <v>508</v>
      </c>
      <c r="G525" s="15">
        <v>980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03</v>
      </c>
      <c r="E526" s="14">
        <v>184</v>
      </c>
      <c r="F526" s="14">
        <v>180</v>
      </c>
      <c r="G526" s="15">
        <v>364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60</v>
      </c>
      <c r="E527" s="14">
        <v>167</v>
      </c>
      <c r="F527" s="14">
        <v>165</v>
      </c>
      <c r="G527" s="15">
        <v>332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47</v>
      </c>
      <c r="E528" s="14">
        <v>147</v>
      </c>
      <c r="F528" s="14">
        <v>152</v>
      </c>
      <c r="G528" s="15">
        <v>299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560</v>
      </c>
      <c r="E529" s="14">
        <v>4633</v>
      </c>
      <c r="F529" s="14">
        <v>5019</v>
      </c>
      <c r="G529" s="15">
        <v>9652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0</v>
      </c>
      <c r="E530" s="14">
        <v>92</v>
      </c>
      <c r="F530" s="14">
        <v>81</v>
      </c>
      <c r="G530" s="15">
        <v>173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1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69</v>
      </c>
      <c r="E532" s="14">
        <v>82</v>
      </c>
      <c r="F532" s="14">
        <v>75</v>
      </c>
      <c r="G532" s="15">
        <v>157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04</v>
      </c>
      <c r="E533" s="14">
        <v>404</v>
      </c>
      <c r="F533" s="14">
        <v>433</v>
      </c>
      <c r="G533" s="15">
        <v>837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11</v>
      </c>
      <c r="E534" s="14">
        <v>688</v>
      </c>
      <c r="F534" s="14">
        <v>766</v>
      </c>
      <c r="G534" s="15">
        <v>1454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43</v>
      </c>
      <c r="E535" s="14">
        <v>126</v>
      </c>
      <c r="F535" s="14">
        <v>125</v>
      </c>
      <c r="G535" s="15">
        <v>251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2</v>
      </c>
      <c r="E537" s="14">
        <v>158</v>
      </c>
      <c r="F537" s="14">
        <v>173</v>
      </c>
      <c r="G537" s="15">
        <v>331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6</v>
      </c>
      <c r="E538" s="14">
        <v>121</v>
      </c>
      <c r="F538" s="14">
        <v>138</v>
      </c>
      <c r="G538" s="15">
        <v>259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38</v>
      </c>
      <c r="E539" s="14">
        <v>162</v>
      </c>
      <c r="F539" s="14">
        <v>168</v>
      </c>
      <c r="G539" s="15">
        <v>330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85</v>
      </c>
      <c r="E540" s="14">
        <v>199</v>
      </c>
      <c r="F540" s="14">
        <v>212</v>
      </c>
      <c r="G540" s="15">
        <v>411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3</v>
      </c>
      <c r="E541" s="14">
        <v>337</v>
      </c>
      <c r="F541" s="14">
        <v>374</v>
      </c>
      <c r="G541" s="15">
        <v>711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6</v>
      </c>
      <c r="E542" s="14">
        <v>53</v>
      </c>
      <c r="F542" s="14">
        <v>50</v>
      </c>
      <c r="G542" s="15">
        <v>103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07</v>
      </c>
      <c r="E543" s="14">
        <v>101</v>
      </c>
      <c r="F543" s="14">
        <v>107</v>
      </c>
      <c r="G543" s="15">
        <v>208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76</v>
      </c>
      <c r="E544" s="14">
        <v>161</v>
      </c>
      <c r="F544" s="14">
        <v>184</v>
      </c>
      <c r="G544" s="15">
        <v>345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51</v>
      </c>
      <c r="E545" s="14">
        <v>261</v>
      </c>
      <c r="F545" s="14">
        <v>282</v>
      </c>
      <c r="G545" s="15">
        <v>543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48</v>
      </c>
      <c r="E546" s="14">
        <v>153</v>
      </c>
      <c r="F546" s="14">
        <v>155</v>
      </c>
      <c r="G546" s="15">
        <v>308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3</v>
      </c>
      <c r="E547" s="14">
        <v>228</v>
      </c>
      <c r="F547" s="14">
        <v>189</v>
      </c>
      <c r="G547" s="15">
        <v>417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5</v>
      </c>
      <c r="E548" s="14">
        <v>75</v>
      </c>
      <c r="F548" s="14">
        <v>78</v>
      </c>
      <c r="G548" s="15">
        <v>153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29</v>
      </c>
      <c r="E549" s="14">
        <v>31</v>
      </c>
      <c r="F549" s="14">
        <v>34</v>
      </c>
      <c r="G549" s="15">
        <v>65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8</v>
      </c>
      <c r="E550" s="14">
        <v>214</v>
      </c>
      <c r="F550" s="14">
        <v>219</v>
      </c>
      <c r="G550" s="15">
        <v>433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4</v>
      </c>
      <c r="E551" s="14">
        <v>89</v>
      </c>
      <c r="F551" s="14">
        <v>81</v>
      </c>
      <c r="G551" s="15">
        <v>170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6</v>
      </c>
      <c r="E552" s="14">
        <v>276</v>
      </c>
      <c r="F552" s="14">
        <v>309</v>
      </c>
      <c r="G552" s="15">
        <v>585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49</v>
      </c>
      <c r="E553" s="14">
        <v>270</v>
      </c>
      <c r="F553" s="14">
        <v>268</v>
      </c>
      <c r="G553" s="15">
        <v>538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85</v>
      </c>
      <c r="E554" s="14">
        <v>156</v>
      </c>
      <c r="F554" s="14">
        <v>180</v>
      </c>
      <c r="G554" s="15">
        <v>336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36</v>
      </c>
      <c r="E556" s="14">
        <v>34</v>
      </c>
      <c r="F556" s="14">
        <v>35</v>
      </c>
      <c r="G556" s="15">
        <v>69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8</v>
      </c>
      <c r="E557" s="14">
        <v>80</v>
      </c>
      <c r="F557" s="14">
        <v>89</v>
      </c>
      <c r="G557" s="15">
        <v>169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6</v>
      </c>
      <c r="E558" s="14">
        <v>133</v>
      </c>
      <c r="F558" s="14">
        <v>146</v>
      </c>
      <c r="G558" s="15">
        <v>279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5</v>
      </c>
      <c r="E559" s="14">
        <v>75</v>
      </c>
      <c r="F559" s="14">
        <v>86</v>
      </c>
      <c r="G559" s="15">
        <v>161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18</v>
      </c>
      <c r="E560" s="14">
        <v>216</v>
      </c>
      <c r="F560" s="14">
        <v>215</v>
      </c>
      <c r="G560" s="15">
        <v>431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47</v>
      </c>
      <c r="E561" s="14">
        <v>643</v>
      </c>
      <c r="F561" s="14">
        <v>685</v>
      </c>
      <c r="G561" s="15">
        <v>1328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60</v>
      </c>
      <c r="E563" s="14">
        <v>52</v>
      </c>
      <c r="F563" s="14">
        <v>57</v>
      </c>
      <c r="G563" s="15">
        <v>109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4</v>
      </c>
      <c r="E564" s="14">
        <v>450</v>
      </c>
      <c r="F564" s="14">
        <v>441</v>
      </c>
      <c r="G564" s="15">
        <v>891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859</v>
      </c>
      <c r="E565" s="14">
        <v>6146</v>
      </c>
      <c r="F565" s="14">
        <v>6452</v>
      </c>
      <c r="G565" s="15">
        <v>12598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3</v>
      </c>
      <c r="E566" s="14">
        <v>349</v>
      </c>
      <c r="F566" s="14">
        <v>329</v>
      </c>
      <c r="G566" s="15">
        <v>678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6</v>
      </c>
      <c r="E567" s="14">
        <v>77</v>
      </c>
      <c r="F567" s="14">
        <v>113</v>
      </c>
      <c r="G567" s="15">
        <v>190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9</v>
      </c>
      <c r="E568" s="14">
        <v>209</v>
      </c>
      <c r="F568" s="14">
        <v>235</v>
      </c>
      <c r="G568" s="15">
        <v>444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4</v>
      </c>
      <c r="E569" s="14">
        <v>385</v>
      </c>
      <c r="F569" s="14">
        <v>406</v>
      </c>
      <c r="G569" s="15">
        <v>791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80</v>
      </c>
      <c r="E570" s="14">
        <v>1020</v>
      </c>
      <c r="F570" s="14">
        <v>1020</v>
      </c>
      <c r="G570" s="15">
        <v>2040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2</v>
      </c>
      <c r="E571" s="14">
        <v>409</v>
      </c>
      <c r="F571" s="14">
        <v>385</v>
      </c>
      <c r="G571" s="15">
        <v>794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07</v>
      </c>
      <c r="E572" s="14">
        <v>382</v>
      </c>
      <c r="F572" s="14">
        <v>382</v>
      </c>
      <c r="G572" s="15">
        <v>764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5</v>
      </c>
      <c r="E573" s="14">
        <v>84</v>
      </c>
      <c r="F573" s="14">
        <v>139</v>
      </c>
      <c r="G573" s="15">
        <v>223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4</v>
      </c>
      <c r="E574" s="14">
        <v>137</v>
      </c>
      <c r="F574" s="14">
        <v>154</v>
      </c>
      <c r="G574" s="15">
        <v>291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0</v>
      </c>
      <c r="E575" s="14">
        <v>58</v>
      </c>
      <c r="F575" s="14">
        <v>53</v>
      </c>
      <c r="G575" s="15">
        <v>111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381</v>
      </c>
      <c r="E576" s="14">
        <v>1771</v>
      </c>
      <c r="F576" s="14">
        <v>1820</v>
      </c>
      <c r="G576" s="15">
        <v>3591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09</v>
      </c>
      <c r="E577" s="14">
        <v>130</v>
      </c>
      <c r="F577" s="14">
        <v>130</v>
      </c>
      <c r="G577" s="15">
        <v>260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8</v>
      </c>
      <c r="E578" s="14">
        <v>249</v>
      </c>
      <c r="F578" s="14">
        <v>284</v>
      </c>
      <c r="G578" s="15">
        <v>533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2</v>
      </c>
      <c r="E579" s="14">
        <v>282</v>
      </c>
      <c r="F579" s="14">
        <v>298</v>
      </c>
      <c r="G579" s="15">
        <v>580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3</v>
      </c>
      <c r="E580" s="14">
        <v>81</v>
      </c>
      <c r="F580" s="14">
        <v>95</v>
      </c>
      <c r="G580" s="15">
        <v>176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3</v>
      </c>
      <c r="E581" s="14">
        <v>124</v>
      </c>
      <c r="F581" s="14">
        <v>128</v>
      </c>
      <c r="G581" s="15">
        <v>252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97</v>
      </c>
      <c r="E582" s="14">
        <v>110</v>
      </c>
      <c r="F582" s="14">
        <v>111</v>
      </c>
      <c r="G582" s="15">
        <v>221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101</v>
      </c>
      <c r="E583" s="14">
        <v>98</v>
      </c>
      <c r="F583" s="14">
        <v>108</v>
      </c>
      <c r="G583" s="15">
        <v>206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8</v>
      </c>
      <c r="E584" s="14">
        <v>170</v>
      </c>
      <c r="F584" s="14">
        <v>174</v>
      </c>
      <c r="G584" s="15">
        <v>344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4</v>
      </c>
      <c r="E585" s="14">
        <v>318</v>
      </c>
      <c r="F585" s="14">
        <v>307</v>
      </c>
      <c r="G585" s="15">
        <v>625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5</v>
      </c>
      <c r="E586" s="14">
        <v>74</v>
      </c>
      <c r="F586" s="14">
        <v>80</v>
      </c>
      <c r="G586" s="15">
        <v>154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77</v>
      </c>
      <c r="E587" s="14">
        <v>761</v>
      </c>
      <c r="F587" s="14">
        <v>802</v>
      </c>
      <c r="G587" s="15">
        <v>1563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43</v>
      </c>
      <c r="E588" s="14">
        <v>36</v>
      </c>
      <c r="F588" s="14">
        <v>46</v>
      </c>
      <c r="G588" s="15">
        <v>82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0</v>
      </c>
      <c r="E589" s="14">
        <v>63</v>
      </c>
      <c r="F589" s="14">
        <v>107</v>
      </c>
      <c r="G589" s="15">
        <v>170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6</v>
      </c>
      <c r="E590" s="14">
        <v>112</v>
      </c>
      <c r="F590" s="14">
        <v>121</v>
      </c>
      <c r="G590" s="15">
        <v>233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2</v>
      </c>
      <c r="E591" s="14">
        <v>95</v>
      </c>
      <c r="F591" s="14">
        <v>97</v>
      </c>
      <c r="G591" s="15">
        <v>192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58</v>
      </c>
      <c r="E592" s="14">
        <v>83</v>
      </c>
      <c r="F592" s="14">
        <v>74</v>
      </c>
      <c r="G592" s="15">
        <v>157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3</v>
      </c>
      <c r="E593" s="14">
        <v>238</v>
      </c>
      <c r="F593" s="14">
        <v>247</v>
      </c>
      <c r="G593" s="15">
        <v>485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4</v>
      </c>
      <c r="E594" s="14">
        <v>120</v>
      </c>
      <c r="F594" s="14">
        <v>131</v>
      </c>
      <c r="G594" s="15">
        <v>251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44</v>
      </c>
      <c r="E595" s="14">
        <v>8025</v>
      </c>
      <c r="F595" s="14">
        <v>8376</v>
      </c>
      <c r="G595" s="15">
        <v>16401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50</v>
      </c>
      <c r="E596" s="14">
        <v>158</v>
      </c>
      <c r="F596" s="14">
        <v>139</v>
      </c>
      <c r="G596" s="15">
        <v>297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60</v>
      </c>
      <c r="E597" s="14">
        <v>157</v>
      </c>
      <c r="F597" s="14">
        <v>237</v>
      </c>
      <c r="G597" s="15">
        <v>394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75</v>
      </c>
      <c r="E598" s="14">
        <v>41</v>
      </c>
      <c r="F598" s="14">
        <v>68</v>
      </c>
      <c r="G598" s="15">
        <v>109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18</v>
      </c>
      <c r="E599" s="14">
        <v>1697</v>
      </c>
      <c r="F599" s="14">
        <v>1772</v>
      </c>
      <c r="G599" s="15">
        <v>3469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0</v>
      </c>
      <c r="E600" s="14">
        <v>54</v>
      </c>
      <c r="F600" s="14">
        <v>76</v>
      </c>
      <c r="G600" s="15">
        <v>130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71</v>
      </c>
      <c r="E601" s="14">
        <v>172</v>
      </c>
      <c r="F601" s="14">
        <v>186</v>
      </c>
      <c r="G601" s="15">
        <v>358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09</v>
      </c>
      <c r="E602" s="14">
        <v>920</v>
      </c>
      <c r="F602" s="14">
        <v>972</v>
      </c>
      <c r="G602" s="15">
        <v>1892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37</v>
      </c>
      <c r="E603" s="14">
        <v>753</v>
      </c>
      <c r="F603" s="14">
        <v>780</v>
      </c>
      <c r="G603" s="15">
        <v>1533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79</v>
      </c>
      <c r="E604" s="14">
        <v>74</v>
      </c>
      <c r="F604" s="14">
        <v>74</v>
      </c>
      <c r="G604" s="15">
        <v>148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61</v>
      </c>
      <c r="E605" s="14">
        <v>220</v>
      </c>
      <c r="F605" s="14">
        <v>237</v>
      </c>
      <c r="G605" s="15">
        <v>457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12</v>
      </c>
      <c r="E606" s="14">
        <v>301</v>
      </c>
      <c r="F606" s="14">
        <v>317</v>
      </c>
      <c r="G606" s="15">
        <v>618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55</v>
      </c>
      <c r="E607" s="14">
        <v>141</v>
      </c>
      <c r="F607" s="14">
        <v>250</v>
      </c>
      <c r="G607" s="15">
        <v>391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4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8</v>
      </c>
      <c r="E610" s="14">
        <v>35</v>
      </c>
      <c r="F610" s="14">
        <v>39</v>
      </c>
      <c r="G610" s="15">
        <v>74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53</v>
      </c>
      <c r="E611" s="14">
        <v>339</v>
      </c>
      <c r="F611" s="14">
        <v>358</v>
      </c>
      <c r="G611" s="15">
        <v>697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3</v>
      </c>
      <c r="E612" s="14">
        <v>363</v>
      </c>
      <c r="F612" s="14">
        <v>378</v>
      </c>
      <c r="G612" s="15">
        <v>741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45</v>
      </c>
      <c r="E613" s="14">
        <v>131</v>
      </c>
      <c r="F613" s="14">
        <v>144</v>
      </c>
      <c r="G613" s="15">
        <v>275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21</v>
      </c>
      <c r="E614" s="14">
        <v>5567</v>
      </c>
      <c r="F614" s="14">
        <v>6044</v>
      </c>
      <c r="G614" s="15">
        <v>11611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2</v>
      </c>
      <c r="E615" s="14">
        <v>76</v>
      </c>
      <c r="F615" s="14">
        <v>88</v>
      </c>
      <c r="G615" s="15">
        <v>164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3</v>
      </c>
      <c r="E616" s="14">
        <v>57</v>
      </c>
      <c r="F616" s="14">
        <v>62</v>
      </c>
      <c r="G616" s="15">
        <v>119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1</v>
      </c>
      <c r="E617" s="14">
        <v>59</v>
      </c>
      <c r="F617" s="14">
        <v>63</v>
      </c>
      <c r="G617" s="15">
        <v>122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67</v>
      </c>
      <c r="E618" s="14">
        <v>967</v>
      </c>
      <c r="F618" s="14">
        <v>924</v>
      </c>
      <c r="G618" s="15">
        <v>1891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29</v>
      </c>
      <c r="E619" s="14">
        <v>479</v>
      </c>
      <c r="F619" s="14">
        <v>508</v>
      </c>
      <c r="G619" s="15">
        <v>987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1</v>
      </c>
      <c r="E620" s="14">
        <v>315</v>
      </c>
      <c r="F620" s="14">
        <v>324</v>
      </c>
      <c r="G620" s="15">
        <v>639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31</v>
      </c>
      <c r="E621" s="14">
        <v>775</v>
      </c>
      <c r="F621" s="14">
        <v>819</v>
      </c>
      <c r="G621" s="15">
        <v>1594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2</v>
      </c>
      <c r="F622" s="14">
        <v>103</v>
      </c>
      <c r="G622" s="15">
        <v>205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1</v>
      </c>
      <c r="E623" s="14">
        <v>26</v>
      </c>
      <c r="F623" s="14">
        <v>20</v>
      </c>
      <c r="G623" s="15">
        <v>46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33</v>
      </c>
      <c r="E624" s="14">
        <v>184</v>
      </c>
      <c r="F624" s="14">
        <v>230</v>
      </c>
      <c r="G624" s="15">
        <v>414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20</v>
      </c>
      <c r="E626" s="14">
        <v>132</v>
      </c>
      <c r="F626" s="14">
        <v>135</v>
      </c>
      <c r="G626" s="15">
        <v>267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8</v>
      </c>
      <c r="F627" s="14">
        <v>98</v>
      </c>
      <c r="G627" s="15">
        <v>176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7</v>
      </c>
      <c r="E628" s="14">
        <v>70</v>
      </c>
      <c r="F628" s="14">
        <v>95</v>
      </c>
      <c r="G628" s="15">
        <v>165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1</v>
      </c>
      <c r="E629" s="14">
        <v>121</v>
      </c>
      <c r="F629" s="14">
        <v>131</v>
      </c>
      <c r="G629" s="15">
        <v>252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32</v>
      </c>
      <c r="E630" s="14">
        <v>1023</v>
      </c>
      <c r="F630" s="14">
        <v>1135</v>
      </c>
      <c r="G630" s="15">
        <v>2158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76</v>
      </c>
      <c r="E631" s="14">
        <v>301</v>
      </c>
      <c r="F631" s="14">
        <v>308</v>
      </c>
      <c r="G631" s="15">
        <v>609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37</v>
      </c>
      <c r="E632" s="14">
        <v>584</v>
      </c>
      <c r="F632" s="14">
        <v>591</v>
      </c>
      <c r="G632" s="15">
        <v>1175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86</v>
      </c>
      <c r="E633" s="14">
        <v>180</v>
      </c>
      <c r="F633" s="14">
        <v>182</v>
      </c>
      <c r="G633" s="15">
        <v>362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4944</v>
      </c>
      <c r="E634" s="14">
        <v>5549</v>
      </c>
      <c r="F634" s="14">
        <v>5834</v>
      </c>
      <c r="G634" s="15">
        <v>11383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3</v>
      </c>
      <c r="E635" s="14">
        <v>172</v>
      </c>
      <c r="F635" s="14">
        <v>195</v>
      </c>
      <c r="G635" s="15">
        <v>367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68</v>
      </c>
      <c r="E636" s="14">
        <v>606</v>
      </c>
      <c r="F636" s="14">
        <v>628</v>
      </c>
      <c r="G636" s="15">
        <v>1234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29</v>
      </c>
      <c r="E637" s="14">
        <v>157</v>
      </c>
      <c r="F637" s="14">
        <v>144</v>
      </c>
      <c r="G637" s="15">
        <v>301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50</v>
      </c>
      <c r="E638" s="14">
        <v>149</v>
      </c>
      <c r="F638" s="14">
        <v>177</v>
      </c>
      <c r="G638" s="15">
        <v>326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5</v>
      </c>
      <c r="E639" s="14">
        <v>27</v>
      </c>
      <c r="F639" s="14">
        <v>28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5</v>
      </c>
      <c r="E640" s="14">
        <v>58</v>
      </c>
      <c r="F640" s="14">
        <v>54</v>
      </c>
      <c r="G640" s="15">
        <v>112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1</v>
      </c>
      <c r="E641" s="14">
        <v>97</v>
      </c>
      <c r="F641" s="14">
        <v>114</v>
      </c>
      <c r="G641" s="15">
        <v>211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31</v>
      </c>
      <c r="E642" s="14">
        <v>142</v>
      </c>
      <c r="F642" s="14">
        <v>142</v>
      </c>
      <c r="G642" s="15">
        <v>284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78</v>
      </c>
      <c r="E643" s="14">
        <v>91</v>
      </c>
      <c r="F643" s="14">
        <v>89</v>
      </c>
      <c r="G643" s="15">
        <v>180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6</v>
      </c>
      <c r="E644" s="14">
        <v>60</v>
      </c>
      <c r="F644" s="14">
        <v>74</v>
      </c>
      <c r="G644" s="15">
        <v>134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0</v>
      </c>
      <c r="E646" s="14">
        <v>138</v>
      </c>
      <c r="F646" s="14">
        <v>151</v>
      </c>
      <c r="G646" s="15">
        <v>289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20</v>
      </c>
      <c r="E647" s="14">
        <v>12</v>
      </c>
      <c r="F647" s="14">
        <v>18</v>
      </c>
      <c r="G647" s="15">
        <v>30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6</v>
      </c>
      <c r="E648" s="14">
        <v>12</v>
      </c>
      <c r="F648" s="14">
        <v>9</v>
      </c>
      <c r="G648" s="15">
        <v>21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19</v>
      </c>
      <c r="E649" s="14">
        <v>20</v>
      </c>
      <c r="F649" s="14">
        <v>19</v>
      </c>
      <c r="G649" s="15">
        <v>39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2</v>
      </c>
      <c r="F650" s="14">
        <v>14</v>
      </c>
      <c r="G650" s="15">
        <v>26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8</v>
      </c>
      <c r="E652" s="14">
        <v>45</v>
      </c>
      <c r="F652" s="14">
        <v>39</v>
      </c>
      <c r="G652" s="15">
        <v>84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80</v>
      </c>
      <c r="E653" s="14">
        <v>98</v>
      </c>
      <c r="F653" s="14">
        <v>104</v>
      </c>
      <c r="G653" s="15">
        <v>202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1</v>
      </c>
      <c r="E654" s="14">
        <v>133</v>
      </c>
      <c r="F654" s="14">
        <v>135</v>
      </c>
      <c r="G654" s="15">
        <v>268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6</v>
      </c>
      <c r="E656" s="14">
        <v>90</v>
      </c>
      <c r="F656" s="14">
        <v>92</v>
      </c>
      <c r="G656" s="15">
        <v>182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4</v>
      </c>
      <c r="F657" s="14">
        <v>90</v>
      </c>
      <c r="G657" s="15">
        <v>174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6</v>
      </c>
      <c r="E658" s="14">
        <v>93</v>
      </c>
      <c r="F658" s="14">
        <v>96</v>
      </c>
      <c r="G658" s="15">
        <v>189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0</v>
      </c>
      <c r="E659" s="14">
        <v>41</v>
      </c>
      <c r="F659" s="14">
        <v>53</v>
      </c>
      <c r="G659" s="15">
        <v>94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5</v>
      </c>
      <c r="E660" s="14">
        <v>79</v>
      </c>
      <c r="F660" s="14">
        <v>91</v>
      </c>
      <c r="G660" s="15">
        <v>170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7</v>
      </c>
      <c r="E661" s="14">
        <v>143</v>
      </c>
      <c r="F661" s="14">
        <v>141</v>
      </c>
      <c r="G661" s="15">
        <v>284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3</v>
      </c>
      <c r="E662" s="14">
        <v>94</v>
      </c>
      <c r="F662" s="14">
        <v>133</v>
      </c>
      <c r="G662" s="15">
        <v>227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61</v>
      </c>
      <c r="E663" s="14">
        <v>2736</v>
      </c>
      <c r="F663" s="14">
        <v>2911</v>
      </c>
      <c r="G663" s="15">
        <v>5647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3</v>
      </c>
      <c r="E664" s="14">
        <v>104</v>
      </c>
      <c r="F664" s="14">
        <v>78</v>
      </c>
      <c r="G664" s="15">
        <v>182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58</v>
      </c>
      <c r="E665" s="14">
        <v>430</v>
      </c>
      <c r="F665" s="14">
        <v>318</v>
      </c>
      <c r="G665" s="15">
        <v>748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28</v>
      </c>
      <c r="E666" s="14">
        <v>674</v>
      </c>
      <c r="F666" s="14">
        <v>733</v>
      </c>
      <c r="G666" s="15">
        <v>1407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575</v>
      </c>
      <c r="E667" s="14">
        <v>1586</v>
      </c>
      <c r="F667" s="14">
        <v>1619</v>
      </c>
      <c r="G667" s="15">
        <v>3205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50</v>
      </c>
      <c r="E668" s="14">
        <v>400</v>
      </c>
      <c r="F668" s="14">
        <v>410</v>
      </c>
      <c r="G668" s="15">
        <v>810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6</v>
      </c>
      <c r="E669" s="14">
        <v>155</v>
      </c>
      <c r="F669" s="14">
        <v>187</v>
      </c>
      <c r="G669" s="15">
        <v>342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105</v>
      </c>
      <c r="E670" s="14">
        <v>80</v>
      </c>
      <c r="F670" s="14">
        <v>110</v>
      </c>
      <c r="G670" s="15">
        <v>190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4</v>
      </c>
      <c r="E671" s="14">
        <v>64</v>
      </c>
      <c r="F671" s="14">
        <v>74</v>
      </c>
      <c r="G671" s="15">
        <v>138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102</v>
      </c>
      <c r="E672" s="14">
        <v>109</v>
      </c>
      <c r="F672" s="14">
        <v>118</v>
      </c>
      <c r="G672" s="15">
        <v>227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63</v>
      </c>
      <c r="E673" s="14">
        <v>183</v>
      </c>
      <c r="F673" s="14">
        <v>195</v>
      </c>
      <c r="G673" s="15">
        <v>378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45</v>
      </c>
      <c r="E674" s="14">
        <v>1299</v>
      </c>
      <c r="F674" s="14">
        <v>1375</v>
      </c>
      <c r="G674" s="15">
        <v>2674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92</v>
      </c>
      <c r="E675" s="14">
        <v>237</v>
      </c>
      <c r="F675" s="14">
        <v>258</v>
      </c>
      <c r="G675" s="15">
        <v>495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4</v>
      </c>
      <c r="E676" s="14">
        <v>264</v>
      </c>
      <c r="F676" s="14">
        <v>288</v>
      </c>
      <c r="G676" s="15">
        <v>552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6</v>
      </c>
      <c r="E677" s="14">
        <v>85</v>
      </c>
      <c r="F677" s="14">
        <v>97</v>
      </c>
      <c r="G677" s="15">
        <v>182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1</v>
      </c>
      <c r="E678" s="14">
        <v>82</v>
      </c>
      <c r="F678" s="14">
        <v>87</v>
      </c>
      <c r="G678" s="15">
        <v>169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3</v>
      </c>
      <c r="E679" s="14">
        <v>242</v>
      </c>
      <c r="F679" s="14">
        <v>254</v>
      </c>
      <c r="G679" s="15">
        <v>496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2</v>
      </c>
      <c r="E680" s="14">
        <v>259</v>
      </c>
      <c r="F680" s="14">
        <v>261</v>
      </c>
      <c r="G680" s="15">
        <v>520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21</v>
      </c>
      <c r="E681" s="14">
        <v>393</v>
      </c>
      <c r="F681" s="14">
        <v>439</v>
      </c>
      <c r="G681" s="15">
        <v>832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288</v>
      </c>
      <c r="E682" s="14">
        <v>6646</v>
      </c>
      <c r="F682" s="14">
        <v>6901</v>
      </c>
      <c r="G682" s="15">
        <v>13547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81</v>
      </c>
      <c r="E683" s="14">
        <v>342</v>
      </c>
      <c r="F683" s="14">
        <v>302</v>
      </c>
      <c r="G683" s="15">
        <v>644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52</v>
      </c>
      <c r="E684" s="14">
        <v>161</v>
      </c>
      <c r="F684" s="14">
        <v>146</v>
      </c>
      <c r="G684" s="15">
        <v>307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88</v>
      </c>
      <c r="E685" s="14">
        <v>345</v>
      </c>
      <c r="F685" s="14">
        <v>350</v>
      </c>
      <c r="G685" s="15">
        <v>695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15</v>
      </c>
      <c r="E686" s="14">
        <v>135</v>
      </c>
      <c r="F686" s="14">
        <v>142</v>
      </c>
      <c r="G686" s="15">
        <v>277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26</v>
      </c>
      <c r="E687" s="14">
        <v>809</v>
      </c>
      <c r="F687" s="14">
        <v>812</v>
      </c>
      <c r="G687" s="15">
        <v>1621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47</v>
      </c>
      <c r="E688" s="14">
        <v>51</v>
      </c>
      <c r="F688" s="14">
        <v>47</v>
      </c>
      <c r="G688" s="15">
        <v>98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5</v>
      </c>
      <c r="E689" s="14">
        <v>71</v>
      </c>
      <c r="F689" s="14">
        <v>88</v>
      </c>
      <c r="G689" s="15">
        <v>159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3</v>
      </c>
      <c r="E690" s="14">
        <v>81</v>
      </c>
      <c r="F690" s="14">
        <v>69</v>
      </c>
      <c r="G690" s="15">
        <v>150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4</v>
      </c>
      <c r="E691" s="14">
        <v>101</v>
      </c>
      <c r="F691" s="14">
        <v>99</v>
      </c>
      <c r="G691" s="15">
        <v>200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10</v>
      </c>
      <c r="E692" s="14">
        <v>141</v>
      </c>
      <c r="F692" s="14">
        <v>154</v>
      </c>
      <c r="G692" s="15">
        <v>295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1</v>
      </c>
      <c r="E693" s="14">
        <v>60</v>
      </c>
      <c r="F693" s="14">
        <v>67</v>
      </c>
      <c r="G693" s="15">
        <v>127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42</v>
      </c>
      <c r="E694" s="14">
        <v>55</v>
      </c>
      <c r="F694" s="14">
        <v>58</v>
      </c>
      <c r="G694" s="15">
        <v>113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7</v>
      </c>
      <c r="G695" s="15">
        <v>85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6</v>
      </c>
      <c r="G696" s="15">
        <v>56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7</v>
      </c>
      <c r="F697" s="14">
        <v>52</v>
      </c>
      <c r="G697" s="15">
        <v>109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7</v>
      </c>
      <c r="F698" s="14">
        <v>41</v>
      </c>
      <c r="G698" s="15">
        <v>78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3</v>
      </c>
      <c r="G699" s="15">
        <v>183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6</v>
      </c>
      <c r="E700" s="14">
        <v>139</v>
      </c>
      <c r="F700" s="14">
        <v>130</v>
      </c>
      <c r="G700" s="15">
        <v>269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5</v>
      </c>
      <c r="E701" s="14">
        <v>46</v>
      </c>
      <c r="F701" s="14">
        <v>11</v>
      </c>
      <c r="G701" s="15">
        <v>57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7</v>
      </c>
      <c r="E702" s="14">
        <v>0</v>
      </c>
      <c r="F702" s="14">
        <v>27</v>
      </c>
      <c r="G702" s="15">
        <v>27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500</v>
      </c>
      <c r="E703" s="14">
        <v>2799</v>
      </c>
      <c r="F703" s="14">
        <v>2751</v>
      </c>
      <c r="G703" s="15">
        <v>5550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1</v>
      </c>
      <c r="G704" s="15">
        <v>25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5</v>
      </c>
      <c r="E705" s="14">
        <v>90</v>
      </c>
      <c r="F705" s="14">
        <v>95</v>
      </c>
      <c r="G705" s="15">
        <v>185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0</v>
      </c>
      <c r="E706" s="14">
        <v>51</v>
      </c>
      <c r="F706" s="14">
        <v>79</v>
      </c>
      <c r="G706" s="15">
        <v>130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4</v>
      </c>
      <c r="E707" s="14">
        <v>277</v>
      </c>
      <c r="F707" s="14">
        <v>284</v>
      </c>
      <c r="G707" s="15">
        <v>561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4</v>
      </c>
      <c r="E708" s="14">
        <v>83</v>
      </c>
      <c r="F708" s="14">
        <v>82</v>
      </c>
      <c r="G708" s="15">
        <v>165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6</v>
      </c>
      <c r="E709" s="14">
        <v>199</v>
      </c>
      <c r="F709" s="14">
        <v>196</v>
      </c>
      <c r="G709" s="15">
        <v>395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3</v>
      </c>
      <c r="E711" s="14">
        <v>98</v>
      </c>
      <c r="F711" s="14">
        <v>112</v>
      </c>
      <c r="G711" s="15">
        <v>210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80</v>
      </c>
      <c r="E712" s="14">
        <v>101</v>
      </c>
      <c r="F712" s="14">
        <v>105</v>
      </c>
      <c r="G712" s="15">
        <v>206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6</v>
      </c>
      <c r="E713" s="14">
        <v>44</v>
      </c>
      <c r="F713" s="14">
        <v>34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1</v>
      </c>
      <c r="E714" s="14">
        <v>103</v>
      </c>
      <c r="F714" s="14">
        <v>127</v>
      </c>
      <c r="G714" s="15">
        <v>230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5</v>
      </c>
      <c r="E715" s="14">
        <v>63</v>
      </c>
      <c r="F715" s="14">
        <v>70</v>
      </c>
      <c r="G715" s="15">
        <v>133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8</v>
      </c>
      <c r="E716" s="14">
        <v>122</v>
      </c>
      <c r="F716" s="14">
        <v>122</v>
      </c>
      <c r="G716" s="15">
        <v>244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0</v>
      </c>
      <c r="E717" s="14">
        <v>100</v>
      </c>
      <c r="F717" s="14">
        <v>120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90</v>
      </c>
      <c r="E718" s="14">
        <v>107</v>
      </c>
      <c r="F718" s="14">
        <v>109</v>
      </c>
      <c r="G718" s="15">
        <v>216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0</v>
      </c>
      <c r="E719" s="14">
        <v>77</v>
      </c>
      <c r="F719" s="14">
        <v>88</v>
      </c>
      <c r="G719" s="15">
        <v>165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5</v>
      </c>
      <c r="E720" s="14">
        <v>79</v>
      </c>
      <c r="F720" s="14">
        <v>95</v>
      </c>
      <c r="G720" s="15">
        <v>174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20</v>
      </c>
      <c r="E721" s="14">
        <v>145</v>
      </c>
      <c r="F721" s="14">
        <v>156</v>
      </c>
      <c r="G721" s="15">
        <v>301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39</v>
      </c>
      <c r="E722" s="14">
        <v>50</v>
      </c>
      <c r="F722" s="14">
        <v>57</v>
      </c>
      <c r="G722" s="15">
        <v>107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2</v>
      </c>
      <c r="E723" s="14">
        <v>29</v>
      </c>
      <c r="F723" s="14">
        <v>37</v>
      </c>
      <c r="G723" s="15">
        <v>66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50</v>
      </c>
      <c r="E724" s="14">
        <v>35</v>
      </c>
      <c r="F724" s="14">
        <v>41</v>
      </c>
      <c r="G724" s="15">
        <v>76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30</v>
      </c>
      <c r="E725" s="14">
        <v>19</v>
      </c>
      <c r="F725" s="14">
        <v>20</v>
      </c>
      <c r="G725" s="15">
        <v>39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2</v>
      </c>
      <c r="E726" s="14">
        <v>134</v>
      </c>
      <c r="F726" s="14">
        <v>128</v>
      </c>
      <c r="G726" s="15">
        <v>262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2</v>
      </c>
      <c r="F727" s="14">
        <v>83</v>
      </c>
      <c r="G727" s="15">
        <v>155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3</v>
      </c>
      <c r="E728" s="14">
        <v>48</v>
      </c>
      <c r="F728" s="14">
        <v>41</v>
      </c>
      <c r="G728" s="15">
        <v>89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40</v>
      </c>
      <c r="F729" s="14">
        <v>30</v>
      </c>
      <c r="G729" s="15">
        <v>70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1</v>
      </c>
      <c r="F731" s="14">
        <v>10</v>
      </c>
      <c r="G731" s="15">
        <v>21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6</v>
      </c>
      <c r="E732" s="14">
        <v>38</v>
      </c>
      <c r="F732" s="14">
        <v>39</v>
      </c>
      <c r="G732" s="15">
        <v>77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2</v>
      </c>
      <c r="E733" s="14">
        <v>41</v>
      </c>
      <c r="F733" s="14">
        <v>27</v>
      </c>
      <c r="G733" s="15">
        <v>68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4</v>
      </c>
      <c r="E734" s="14">
        <v>73</v>
      </c>
      <c r="F734" s="14">
        <v>81</v>
      </c>
      <c r="G734" s="15">
        <v>154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6</v>
      </c>
      <c r="E735" s="14">
        <v>12</v>
      </c>
      <c r="F735" s="14">
        <v>10</v>
      </c>
      <c r="G735" s="15">
        <v>22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17</v>
      </c>
      <c r="E736" s="14">
        <v>272</v>
      </c>
      <c r="F736" s="14">
        <v>275</v>
      </c>
      <c r="G736" s="15">
        <v>547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60</v>
      </c>
      <c r="E737" s="14">
        <v>415</v>
      </c>
      <c r="F737" s="14">
        <v>425</v>
      </c>
      <c r="G737" s="15">
        <v>840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7</v>
      </c>
      <c r="F738" s="14">
        <v>294</v>
      </c>
      <c r="G738" s="15">
        <v>591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17</v>
      </c>
      <c r="E739" s="14">
        <v>3390</v>
      </c>
      <c r="F739" s="14">
        <v>3541</v>
      </c>
      <c r="G739" s="15">
        <v>6931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5</v>
      </c>
      <c r="E740" s="14">
        <v>131</v>
      </c>
      <c r="F740" s="14">
        <v>139</v>
      </c>
      <c r="G740" s="15">
        <v>270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2</v>
      </c>
      <c r="E741" s="14">
        <v>73</v>
      </c>
      <c r="F741" s="14">
        <v>84</v>
      </c>
      <c r="G741" s="15">
        <v>157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1</v>
      </c>
      <c r="E742" s="14">
        <v>82</v>
      </c>
      <c r="F742" s="14">
        <v>99</v>
      </c>
      <c r="G742" s="15">
        <v>181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1</v>
      </c>
      <c r="E743" s="14">
        <v>53</v>
      </c>
      <c r="F743" s="14">
        <v>59</v>
      </c>
      <c r="G743" s="15">
        <v>112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19</v>
      </c>
      <c r="E745" s="14">
        <v>27</v>
      </c>
      <c r="F745" s="14">
        <v>28</v>
      </c>
      <c r="G745" s="15">
        <v>55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5</v>
      </c>
      <c r="E746" s="14">
        <v>49</v>
      </c>
      <c r="F746" s="14">
        <v>58</v>
      </c>
      <c r="G746" s="15">
        <v>107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7</v>
      </c>
      <c r="E747" s="14">
        <v>115</v>
      </c>
      <c r="F747" s="14">
        <v>124</v>
      </c>
      <c r="G747" s="15">
        <v>239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0</v>
      </c>
      <c r="E748" s="14">
        <v>60</v>
      </c>
      <c r="F748" s="14">
        <v>76</v>
      </c>
      <c r="G748" s="15">
        <v>136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4</v>
      </c>
      <c r="E749" s="14">
        <v>47</v>
      </c>
      <c r="F749" s="14">
        <v>67</v>
      </c>
      <c r="G749" s="15">
        <v>114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30</v>
      </c>
      <c r="E750" s="14">
        <v>153</v>
      </c>
      <c r="F750" s="14">
        <v>196</v>
      </c>
      <c r="G750" s="15">
        <v>349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5</v>
      </c>
      <c r="E751" s="14">
        <v>60</v>
      </c>
      <c r="F751" s="14">
        <v>76</v>
      </c>
      <c r="G751" s="15">
        <v>136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59</v>
      </c>
      <c r="E752" s="14">
        <v>74</v>
      </c>
      <c r="F752" s="14">
        <v>77</v>
      </c>
      <c r="G752" s="15">
        <v>151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1</v>
      </c>
      <c r="E753" s="14">
        <v>116</v>
      </c>
      <c r="F753" s="14">
        <v>127</v>
      </c>
      <c r="G753" s="15">
        <v>243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7</v>
      </c>
      <c r="E754" s="14">
        <v>125</v>
      </c>
      <c r="F754" s="14">
        <v>122</v>
      </c>
      <c r="G754" s="15">
        <v>247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4</v>
      </c>
      <c r="E755" s="14">
        <v>78</v>
      </c>
      <c r="F755" s="14">
        <v>100</v>
      </c>
      <c r="G755" s="15">
        <v>178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0</v>
      </c>
      <c r="E756" s="14">
        <v>102</v>
      </c>
      <c r="F756" s="14">
        <v>109</v>
      </c>
      <c r="G756" s="15">
        <v>211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6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39</v>
      </c>
      <c r="E758" s="14">
        <v>52</v>
      </c>
      <c r="F758" s="14">
        <v>51</v>
      </c>
      <c r="G758" s="15">
        <v>103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6</v>
      </c>
      <c r="E759" s="14">
        <v>76</v>
      </c>
      <c r="F759" s="14">
        <v>67</v>
      </c>
      <c r="G759" s="15">
        <v>143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89</v>
      </c>
      <c r="E760" s="14">
        <v>102</v>
      </c>
      <c r="F760" s="14">
        <v>122</v>
      </c>
      <c r="G760" s="15">
        <v>224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4</v>
      </c>
      <c r="E761" s="14">
        <v>114</v>
      </c>
      <c r="F761" s="14">
        <v>121</v>
      </c>
      <c r="G761" s="15">
        <v>235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5</v>
      </c>
      <c r="E762" s="14">
        <v>147</v>
      </c>
      <c r="F762" s="14">
        <v>150</v>
      </c>
      <c r="G762" s="15">
        <v>297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300</v>
      </c>
      <c r="E763" s="14">
        <v>306</v>
      </c>
      <c r="F763" s="14">
        <v>318</v>
      </c>
      <c r="G763" s="15">
        <v>624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2</v>
      </c>
      <c r="E764" s="14">
        <v>196</v>
      </c>
      <c r="F764" s="14">
        <v>189</v>
      </c>
      <c r="G764" s="15">
        <v>385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70</v>
      </c>
      <c r="E765" s="14">
        <v>606</v>
      </c>
      <c r="F765" s="14">
        <v>628</v>
      </c>
      <c r="G765" s="15">
        <v>1234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690</v>
      </c>
      <c r="E766" s="14">
        <v>2997</v>
      </c>
      <c r="F766" s="14">
        <v>3245</v>
      </c>
      <c r="G766" s="15">
        <v>6242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29</v>
      </c>
      <c r="E767" s="14">
        <v>22</v>
      </c>
      <c r="F767" s="14">
        <v>34</v>
      </c>
      <c r="G767" s="15">
        <v>56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2</v>
      </c>
      <c r="E769" s="14">
        <v>33</v>
      </c>
      <c r="F769" s="14">
        <v>46</v>
      </c>
      <c r="G769" s="15">
        <v>79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6</v>
      </c>
      <c r="E770" s="14">
        <v>35</v>
      </c>
      <c r="F770" s="14">
        <v>40</v>
      </c>
      <c r="G770" s="15">
        <v>75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3</v>
      </c>
      <c r="E771" s="14">
        <v>41</v>
      </c>
      <c r="F771" s="14">
        <v>50</v>
      </c>
      <c r="G771" s="15">
        <v>91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4</v>
      </c>
      <c r="E772" s="14">
        <v>37</v>
      </c>
      <c r="F772" s="14">
        <v>52</v>
      </c>
      <c r="G772" s="15">
        <v>89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4</v>
      </c>
      <c r="E773" s="14">
        <v>85</v>
      </c>
      <c r="F773" s="14">
        <v>75</v>
      </c>
      <c r="G773" s="15">
        <v>160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6</v>
      </c>
      <c r="E774" s="14">
        <v>21</v>
      </c>
      <c r="F774" s="14">
        <v>30</v>
      </c>
      <c r="G774" s="15">
        <v>51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2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90</v>
      </c>
      <c r="E776" s="14">
        <v>91</v>
      </c>
      <c r="F776" s="14">
        <v>105</v>
      </c>
      <c r="G776" s="15">
        <v>196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5</v>
      </c>
      <c r="F777" s="14">
        <v>67</v>
      </c>
      <c r="G777" s="15">
        <v>132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6</v>
      </c>
      <c r="E778" s="14">
        <v>113</v>
      </c>
      <c r="F778" s="14">
        <v>128</v>
      </c>
      <c r="G778" s="15">
        <v>241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69</v>
      </c>
      <c r="E779" s="14">
        <v>202</v>
      </c>
      <c r="F779" s="14">
        <v>213</v>
      </c>
      <c r="G779" s="15">
        <v>415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10</v>
      </c>
      <c r="E780" s="14">
        <v>482</v>
      </c>
      <c r="F780" s="14">
        <v>489</v>
      </c>
      <c r="G780" s="15">
        <v>971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3</v>
      </c>
      <c r="E781" s="14">
        <v>4</v>
      </c>
      <c r="F781" s="14">
        <v>3</v>
      </c>
      <c r="G781" s="15">
        <v>7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1</v>
      </c>
      <c r="E782" s="14">
        <v>101</v>
      </c>
      <c r="F782" s="14">
        <v>89</v>
      </c>
      <c r="G782" s="15">
        <v>190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10</v>
      </c>
      <c r="F783" s="14">
        <v>171</v>
      </c>
      <c r="G783" s="15">
        <v>381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00</v>
      </c>
      <c r="E784" s="14">
        <v>1588</v>
      </c>
      <c r="F784" s="14">
        <v>1658</v>
      </c>
      <c r="G784" s="15">
        <v>3246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5</v>
      </c>
      <c r="E785" s="14">
        <v>14</v>
      </c>
      <c r="F785" s="14">
        <v>23</v>
      </c>
      <c r="G785" s="15">
        <v>37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26</v>
      </c>
      <c r="E786" s="14">
        <v>371</v>
      </c>
      <c r="F786" s="14">
        <v>407</v>
      </c>
      <c r="G786" s="15">
        <v>778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8</v>
      </c>
      <c r="E787" s="14">
        <v>91</v>
      </c>
      <c r="F787" s="14">
        <v>93</v>
      </c>
      <c r="G787" s="15">
        <v>184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82</v>
      </c>
      <c r="E788" s="14">
        <v>91</v>
      </c>
      <c r="F788" s="14">
        <v>99</v>
      </c>
      <c r="G788" s="15">
        <v>190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6</v>
      </c>
      <c r="E789" s="14">
        <v>84</v>
      </c>
      <c r="F789" s="14">
        <v>77</v>
      </c>
      <c r="G789" s="15">
        <v>161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7</v>
      </c>
      <c r="E790" s="14">
        <v>55</v>
      </c>
      <c r="F790" s="14">
        <v>61</v>
      </c>
      <c r="G790" s="15">
        <v>116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38</v>
      </c>
      <c r="E791" s="14">
        <v>174</v>
      </c>
      <c r="F791" s="14">
        <v>186</v>
      </c>
      <c r="G791" s="15">
        <v>360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20</v>
      </c>
      <c r="E792" s="14">
        <v>17</v>
      </c>
      <c r="F792" s="14">
        <v>22</v>
      </c>
      <c r="G792" s="15">
        <v>39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4</v>
      </c>
      <c r="E793" s="14">
        <v>101</v>
      </c>
      <c r="F793" s="14">
        <v>115</v>
      </c>
      <c r="G793" s="15">
        <v>216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2</v>
      </c>
      <c r="G794" s="15">
        <v>183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2</v>
      </c>
      <c r="E795" s="14">
        <v>2</v>
      </c>
      <c r="F795" s="14">
        <v>0</v>
      </c>
      <c r="G795" s="15">
        <v>2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50</v>
      </c>
      <c r="E796" s="14">
        <v>1091</v>
      </c>
      <c r="F796" s="14">
        <v>1175</v>
      </c>
      <c r="G796" s="15">
        <v>2266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12</v>
      </c>
      <c r="E797" s="14">
        <v>284</v>
      </c>
      <c r="F797" s="14">
        <v>278</v>
      </c>
      <c r="G797" s="15">
        <v>562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19</v>
      </c>
      <c r="E798" s="14">
        <v>487</v>
      </c>
      <c r="F798" s="14">
        <v>483</v>
      </c>
      <c r="G798" s="15">
        <v>970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5</v>
      </c>
      <c r="E799" s="14">
        <v>175</v>
      </c>
      <c r="F799" s="14">
        <v>185</v>
      </c>
      <c r="G799" s="15">
        <v>360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9</v>
      </c>
      <c r="E800" s="14">
        <v>9</v>
      </c>
      <c r="F800" s="14">
        <v>0</v>
      </c>
      <c r="G800" s="15">
        <v>9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4</v>
      </c>
      <c r="E801" s="14">
        <v>125</v>
      </c>
      <c r="F801" s="14">
        <v>128</v>
      </c>
      <c r="G801" s="15">
        <v>253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2</v>
      </c>
      <c r="E802" s="14">
        <v>117</v>
      </c>
      <c r="F802" s="14">
        <v>120</v>
      </c>
      <c r="G802" s="15">
        <v>237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5</v>
      </c>
      <c r="E803" s="14">
        <v>215</v>
      </c>
      <c r="F803" s="14">
        <v>193</v>
      </c>
      <c r="G803" s="15">
        <v>408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186</v>
      </c>
      <c r="E804" s="14">
        <v>1412</v>
      </c>
      <c r="F804" s="14">
        <v>1387</v>
      </c>
      <c r="G804" s="15">
        <v>2799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90</v>
      </c>
      <c r="E805" s="14">
        <v>411</v>
      </c>
      <c r="F805" s="14">
        <v>474</v>
      </c>
      <c r="G805" s="15">
        <v>885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7</v>
      </c>
      <c r="E806" s="14">
        <v>118</v>
      </c>
      <c r="F806" s="14">
        <v>123</v>
      </c>
      <c r="G806" s="15">
        <v>241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20</v>
      </c>
      <c r="E807" s="14">
        <v>66</v>
      </c>
      <c r="F807" s="14">
        <v>126</v>
      </c>
      <c r="G807" s="15">
        <v>192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0</v>
      </c>
      <c r="E808" s="14">
        <v>87</v>
      </c>
      <c r="F808" s="14">
        <v>105</v>
      </c>
      <c r="G808" s="15">
        <v>192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24</v>
      </c>
      <c r="E809" s="14">
        <v>120</v>
      </c>
      <c r="F809" s="14">
        <v>148</v>
      </c>
      <c r="G809" s="15">
        <v>268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7</v>
      </c>
      <c r="E810" s="14">
        <v>91</v>
      </c>
      <c r="F810" s="14">
        <v>89</v>
      </c>
      <c r="G810" s="15">
        <v>180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4</v>
      </c>
      <c r="E811" s="14">
        <v>136</v>
      </c>
      <c r="F811" s="14">
        <v>156</v>
      </c>
      <c r="G811" s="15">
        <v>292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1</v>
      </c>
      <c r="E812" s="14">
        <v>250</v>
      </c>
      <c r="F812" s="14">
        <v>237</v>
      </c>
      <c r="G812" s="15">
        <v>487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93</v>
      </c>
      <c r="E813" s="14">
        <v>145</v>
      </c>
      <c r="F813" s="14">
        <v>141</v>
      </c>
      <c r="G813" s="15">
        <v>286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86</v>
      </c>
      <c r="E814" s="14">
        <v>1424</v>
      </c>
      <c r="F814" s="14">
        <v>1599</v>
      </c>
      <c r="G814" s="15">
        <v>3023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20</v>
      </c>
      <c r="E815" s="14">
        <v>683</v>
      </c>
      <c r="F815" s="14">
        <v>679</v>
      </c>
      <c r="G815" s="15">
        <v>1362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56</v>
      </c>
      <c r="E816" s="14">
        <v>58</v>
      </c>
      <c r="F816" s="14">
        <v>50</v>
      </c>
      <c r="G816" s="15">
        <v>108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68</v>
      </c>
      <c r="E817" s="14">
        <v>188</v>
      </c>
      <c r="F817" s="14">
        <v>207</v>
      </c>
      <c r="G817" s="15">
        <v>395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3</v>
      </c>
      <c r="E818" s="14">
        <v>110</v>
      </c>
      <c r="F818" s="14">
        <v>118</v>
      </c>
      <c r="G818" s="15">
        <v>228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6</v>
      </c>
      <c r="E819" s="14">
        <v>222</v>
      </c>
      <c r="F819" s="14">
        <v>223</v>
      </c>
      <c r="G819" s="15">
        <v>445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36</v>
      </c>
      <c r="E820" s="14">
        <v>127</v>
      </c>
      <c r="F820" s="14">
        <v>126</v>
      </c>
      <c r="G820" s="15">
        <v>253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43</v>
      </c>
      <c r="E821" s="14">
        <v>263</v>
      </c>
      <c r="F821" s="14">
        <v>283</v>
      </c>
      <c r="G821" s="15">
        <v>546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70</v>
      </c>
      <c r="E822" s="14">
        <v>59</v>
      </c>
      <c r="F822" s="14">
        <v>79</v>
      </c>
      <c r="G822" s="15">
        <v>138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8</v>
      </c>
      <c r="E823" s="14">
        <v>211</v>
      </c>
      <c r="F823" s="14">
        <v>245</v>
      </c>
      <c r="G823" s="15">
        <v>456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32</v>
      </c>
      <c r="E824" s="14">
        <v>429</v>
      </c>
      <c r="F824" s="14">
        <v>482</v>
      </c>
      <c r="G824" s="15">
        <v>911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0</v>
      </c>
      <c r="E825" s="14">
        <v>261</v>
      </c>
      <c r="F825" s="14">
        <v>285</v>
      </c>
      <c r="G825" s="15">
        <v>546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75</v>
      </c>
      <c r="E826" s="14">
        <v>499</v>
      </c>
      <c r="F826" s="14">
        <v>528</v>
      </c>
      <c r="G826" s="15">
        <v>1027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41</v>
      </c>
      <c r="E827" s="14">
        <v>555</v>
      </c>
      <c r="F827" s="14">
        <v>579</v>
      </c>
      <c r="G827" s="15">
        <v>1134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3</v>
      </c>
      <c r="E828" s="14">
        <v>71</v>
      </c>
      <c r="F828" s="14">
        <v>83</v>
      </c>
      <c r="G828" s="15">
        <v>154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75</v>
      </c>
      <c r="E829" s="14">
        <v>440</v>
      </c>
      <c r="F829" s="14">
        <v>444</v>
      </c>
      <c r="G829" s="15">
        <v>884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51</v>
      </c>
      <c r="E830" s="14">
        <v>947</v>
      </c>
      <c r="F830" s="14">
        <v>1009</v>
      </c>
      <c r="G830" s="15">
        <v>1956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3</v>
      </c>
      <c r="E831" s="14">
        <v>253</v>
      </c>
      <c r="F831" s="14">
        <v>257</v>
      </c>
      <c r="G831" s="15">
        <v>510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4</v>
      </c>
      <c r="E832" s="14">
        <v>114</v>
      </c>
      <c r="F832" s="14">
        <v>92</v>
      </c>
      <c r="G832" s="15">
        <v>206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4</v>
      </c>
      <c r="E833" s="14">
        <v>227</v>
      </c>
      <c r="F833" s="14">
        <v>273</v>
      </c>
      <c r="G833" s="15">
        <v>500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53</v>
      </c>
      <c r="E834" s="14">
        <v>46</v>
      </c>
      <c r="F834" s="14">
        <v>30</v>
      </c>
      <c r="G834" s="15">
        <v>76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6</v>
      </c>
      <c r="E835" s="14">
        <v>75</v>
      </c>
      <c r="F835" s="14">
        <v>66</v>
      </c>
      <c r="G835" s="15">
        <v>141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5</v>
      </c>
      <c r="E836" s="14">
        <v>123</v>
      </c>
      <c r="F836" s="14">
        <v>114</v>
      </c>
      <c r="G836" s="15">
        <v>237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42</v>
      </c>
      <c r="E837" s="14">
        <v>5961</v>
      </c>
      <c r="F837" s="14">
        <v>6252</v>
      </c>
      <c r="G837" s="15">
        <v>12213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4</v>
      </c>
      <c r="E838" s="14">
        <v>45</v>
      </c>
      <c r="F838" s="14">
        <v>48</v>
      </c>
      <c r="G838" s="15">
        <v>93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3</v>
      </c>
      <c r="E839" s="14">
        <v>237</v>
      </c>
      <c r="F839" s="14">
        <v>261</v>
      </c>
      <c r="G839" s="15">
        <v>498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4</v>
      </c>
      <c r="E840" s="14">
        <v>156</v>
      </c>
      <c r="F840" s="14">
        <v>188</v>
      </c>
      <c r="G840" s="15">
        <v>344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7</v>
      </c>
      <c r="E841" s="14">
        <v>279</v>
      </c>
      <c r="F841" s="14">
        <v>270</v>
      </c>
      <c r="G841" s="15">
        <v>549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5</v>
      </c>
      <c r="E842" s="14">
        <v>295</v>
      </c>
      <c r="F842" s="14">
        <v>302</v>
      </c>
      <c r="G842" s="15">
        <v>597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19</v>
      </c>
      <c r="E843" s="14">
        <v>220</v>
      </c>
      <c r="F843" s="14">
        <v>218</v>
      </c>
      <c r="G843" s="15">
        <v>438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1</v>
      </c>
      <c r="E844" s="14">
        <v>162</v>
      </c>
      <c r="F844" s="14">
        <v>186</v>
      </c>
      <c r="G844" s="15">
        <v>348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201</v>
      </c>
      <c r="E845" s="14">
        <v>213</v>
      </c>
      <c r="F845" s="14">
        <v>226</v>
      </c>
      <c r="G845" s="15">
        <v>439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290</v>
      </c>
      <c r="E846" s="14">
        <v>336</v>
      </c>
      <c r="F846" s="14">
        <v>352</v>
      </c>
      <c r="G846" s="15">
        <v>688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54</v>
      </c>
      <c r="E847" s="14">
        <v>1943</v>
      </c>
      <c r="F847" s="14">
        <v>2051</v>
      </c>
      <c r="G847" s="15">
        <v>3994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7</v>
      </c>
      <c r="E848" s="14">
        <v>164</v>
      </c>
      <c r="F848" s="14">
        <v>183</v>
      </c>
      <c r="G848" s="15">
        <v>347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5</v>
      </c>
      <c r="E849" s="14">
        <v>208</v>
      </c>
      <c r="F849" s="14">
        <v>192</v>
      </c>
      <c r="G849" s="15">
        <v>400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47</v>
      </c>
      <c r="E851" s="14">
        <v>178</v>
      </c>
      <c r="F851" s="14">
        <v>191</v>
      </c>
      <c r="G851" s="15">
        <v>369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26</v>
      </c>
      <c r="E852" s="14">
        <v>139</v>
      </c>
      <c r="F852" s="14">
        <v>137</v>
      </c>
      <c r="G852" s="15">
        <v>276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5</v>
      </c>
      <c r="E853" s="14">
        <v>82</v>
      </c>
      <c r="F853" s="14">
        <v>77</v>
      </c>
      <c r="G853" s="15">
        <v>159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45</v>
      </c>
      <c r="E855" s="14">
        <v>806</v>
      </c>
      <c r="F855" s="14">
        <v>819</v>
      </c>
      <c r="G855" s="15">
        <v>1625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57</v>
      </c>
      <c r="E856" s="14">
        <v>310</v>
      </c>
      <c r="F856" s="14">
        <v>279</v>
      </c>
      <c r="G856" s="15">
        <v>589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5</v>
      </c>
      <c r="E857" s="14">
        <v>77</v>
      </c>
      <c r="F857" s="14">
        <v>59</v>
      </c>
      <c r="G857" s="15">
        <v>136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2</v>
      </c>
      <c r="E858" s="14">
        <v>114</v>
      </c>
      <c r="F858" s="14">
        <v>120</v>
      </c>
      <c r="G858" s="15">
        <v>234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07</v>
      </c>
      <c r="E859" s="14">
        <v>241</v>
      </c>
      <c r="F859" s="14">
        <v>272</v>
      </c>
      <c r="G859" s="15">
        <v>513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5</v>
      </c>
      <c r="E860" s="14">
        <v>92</v>
      </c>
      <c r="F860" s="14">
        <v>85</v>
      </c>
      <c r="G860" s="15">
        <v>177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36</v>
      </c>
      <c r="E861" s="14">
        <v>834</v>
      </c>
      <c r="F861" s="14">
        <v>815</v>
      </c>
      <c r="G861" s="15">
        <v>1649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40</v>
      </c>
      <c r="E862" s="14">
        <v>143</v>
      </c>
      <c r="F862" s="14">
        <v>124</v>
      </c>
      <c r="G862" s="15">
        <v>267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71</v>
      </c>
      <c r="E863" s="14">
        <v>419</v>
      </c>
      <c r="F863" s="14">
        <v>449</v>
      </c>
      <c r="G863" s="15">
        <v>868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2</v>
      </c>
      <c r="E864" s="14">
        <v>107</v>
      </c>
      <c r="F864" s="14">
        <v>113</v>
      </c>
      <c r="G864" s="15">
        <v>220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35</v>
      </c>
      <c r="E865" s="14">
        <v>439</v>
      </c>
      <c r="F865" s="14">
        <v>453</v>
      </c>
      <c r="G865" s="15">
        <v>892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64</v>
      </c>
      <c r="E866" s="14">
        <v>469</v>
      </c>
      <c r="F866" s="14">
        <v>489</v>
      </c>
      <c r="G866" s="15">
        <v>958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79</v>
      </c>
      <c r="E867" s="14">
        <v>53</v>
      </c>
      <c r="F867" s="14">
        <v>39</v>
      </c>
      <c r="G867" s="15">
        <v>92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371</v>
      </c>
      <c r="E868" s="14">
        <v>1630</v>
      </c>
      <c r="F868" s="14">
        <v>1667</v>
      </c>
      <c r="G868" s="15">
        <v>3297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8</v>
      </c>
      <c r="E869" s="14">
        <v>97</v>
      </c>
      <c r="F869" s="14">
        <v>117</v>
      </c>
      <c r="G869" s="15">
        <v>214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1</v>
      </c>
      <c r="E870" s="14">
        <v>118</v>
      </c>
      <c r="F870" s="14">
        <v>125</v>
      </c>
      <c r="G870" s="15">
        <v>243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4</v>
      </c>
      <c r="E871" s="14">
        <v>94</v>
      </c>
      <c r="F871" s="14">
        <v>91</v>
      </c>
      <c r="G871" s="15">
        <v>185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1</v>
      </c>
      <c r="F872" s="14">
        <v>41</v>
      </c>
      <c r="G872" s="15">
        <v>72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4</v>
      </c>
      <c r="E873" s="14">
        <v>76</v>
      </c>
      <c r="F873" s="14">
        <v>87</v>
      </c>
      <c r="G873" s="15">
        <v>163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3</v>
      </c>
      <c r="E874" s="14">
        <v>45</v>
      </c>
      <c r="F874" s="14">
        <v>55</v>
      </c>
      <c r="G874" s="15">
        <v>100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2</v>
      </c>
      <c r="E876" s="14">
        <v>466</v>
      </c>
      <c r="F876" s="14">
        <v>520</v>
      </c>
      <c r="G876" s="15">
        <v>986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6</v>
      </c>
      <c r="E877" s="14">
        <v>47</v>
      </c>
      <c r="F877" s="14">
        <v>60</v>
      </c>
      <c r="G877" s="15">
        <v>107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4</v>
      </c>
      <c r="E878" s="14">
        <v>47</v>
      </c>
      <c r="F878" s="14">
        <v>71</v>
      </c>
      <c r="G878" s="15">
        <v>118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5</v>
      </c>
      <c r="G879" s="15">
        <v>38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37</v>
      </c>
      <c r="E880" s="14">
        <v>35</v>
      </c>
      <c r="F880" s="14">
        <v>32</v>
      </c>
      <c r="G880" s="15">
        <v>67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9</v>
      </c>
      <c r="G881" s="15">
        <v>32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40</v>
      </c>
      <c r="E882" s="14">
        <v>43</v>
      </c>
      <c r="F882" s="14">
        <v>43</v>
      </c>
      <c r="G882" s="15">
        <v>86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39</v>
      </c>
      <c r="E883" s="14">
        <v>41</v>
      </c>
      <c r="F883" s="14">
        <v>39</v>
      </c>
      <c r="G883" s="15">
        <v>80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30</v>
      </c>
      <c r="E885" s="14">
        <v>27</v>
      </c>
      <c r="F885" s="14">
        <v>28</v>
      </c>
      <c r="G885" s="15">
        <v>55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49</v>
      </c>
      <c r="E886" s="14">
        <v>51</v>
      </c>
      <c r="F886" s="14">
        <v>50</v>
      </c>
      <c r="G886" s="15">
        <v>101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4</v>
      </c>
      <c r="E887" s="14">
        <v>60</v>
      </c>
      <c r="F887" s="14">
        <v>79</v>
      </c>
      <c r="G887" s="15">
        <v>139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9</v>
      </c>
      <c r="E888" s="14">
        <v>63</v>
      </c>
      <c r="F888" s="14">
        <v>77</v>
      </c>
      <c r="G888" s="15">
        <v>140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30</v>
      </c>
      <c r="E889" s="14">
        <v>26</v>
      </c>
      <c r="F889" s="14">
        <v>20</v>
      </c>
      <c r="G889" s="15">
        <v>46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5</v>
      </c>
      <c r="E890" s="14">
        <v>31</v>
      </c>
      <c r="F890" s="14">
        <v>30</v>
      </c>
      <c r="G890" s="15">
        <v>61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8</v>
      </c>
      <c r="F891" s="14">
        <v>41</v>
      </c>
      <c r="G891" s="15">
        <v>79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200</v>
      </c>
      <c r="E892" s="14">
        <v>194</v>
      </c>
      <c r="F892" s="14">
        <v>228</v>
      </c>
      <c r="G892" s="15">
        <v>422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11</v>
      </c>
      <c r="E893" s="14">
        <v>113</v>
      </c>
      <c r="F893" s="14">
        <v>121</v>
      </c>
      <c r="G893" s="15">
        <v>234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85</v>
      </c>
      <c r="E894" s="14">
        <v>58</v>
      </c>
      <c r="F894" s="14">
        <v>93</v>
      </c>
      <c r="G894" s="15">
        <v>151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2</v>
      </c>
      <c r="E895" s="14">
        <v>158</v>
      </c>
      <c r="F895" s="14">
        <v>161</v>
      </c>
      <c r="G895" s="15">
        <v>319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6</v>
      </c>
      <c r="E896" s="14">
        <v>224</v>
      </c>
      <c r="F896" s="14">
        <v>239</v>
      </c>
      <c r="G896" s="15">
        <v>463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47</v>
      </c>
      <c r="E897" s="14">
        <v>32</v>
      </c>
      <c r="F897" s="14">
        <v>49</v>
      </c>
      <c r="G897" s="15">
        <v>81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100</v>
      </c>
      <c r="E898" s="14">
        <v>130</v>
      </c>
      <c r="F898" s="14">
        <v>131</v>
      </c>
      <c r="G898" s="15">
        <v>261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9</v>
      </c>
      <c r="E899" s="14">
        <v>110</v>
      </c>
      <c r="F899" s="14">
        <v>120</v>
      </c>
      <c r="G899" s="15">
        <v>230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72</v>
      </c>
      <c r="E900" s="14">
        <v>1573</v>
      </c>
      <c r="F900" s="14">
        <v>1771</v>
      </c>
      <c r="G900" s="15">
        <v>3344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44</v>
      </c>
      <c r="E901" s="14">
        <v>52</v>
      </c>
      <c r="F901" s="14">
        <v>51</v>
      </c>
      <c r="G901" s="15">
        <v>103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40</v>
      </c>
      <c r="E902" s="14">
        <v>32</v>
      </c>
      <c r="F902" s="14">
        <v>32</v>
      </c>
      <c r="G902" s="15">
        <v>64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8</v>
      </c>
      <c r="E903" s="14">
        <v>92</v>
      </c>
      <c r="F903" s="14">
        <v>99</v>
      </c>
      <c r="G903" s="15">
        <v>191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4</v>
      </c>
      <c r="E904" s="14">
        <v>75</v>
      </c>
      <c r="F904" s="14">
        <v>78</v>
      </c>
      <c r="G904" s="15">
        <v>153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47</v>
      </c>
      <c r="E905" s="14">
        <v>271</v>
      </c>
      <c r="F905" s="14">
        <v>285</v>
      </c>
      <c r="G905" s="15">
        <v>556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8</v>
      </c>
      <c r="E906" s="14">
        <v>26</v>
      </c>
      <c r="F906" s="14">
        <v>32</v>
      </c>
      <c r="G906" s="15">
        <v>58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4</v>
      </c>
      <c r="E907" s="14">
        <v>42</v>
      </c>
      <c r="F907" s="14">
        <v>41</v>
      </c>
      <c r="G907" s="15">
        <v>83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4</v>
      </c>
      <c r="E908" s="14">
        <v>16</v>
      </c>
      <c r="F908" s="14">
        <v>27</v>
      </c>
      <c r="G908" s="15">
        <v>43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0</v>
      </c>
      <c r="E909" s="14">
        <v>23</v>
      </c>
      <c r="F909" s="14">
        <v>32</v>
      </c>
      <c r="G909" s="15">
        <v>55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5</v>
      </c>
      <c r="E910" s="14">
        <v>49</v>
      </c>
      <c r="F910" s="14">
        <v>49</v>
      </c>
      <c r="G910" s="15">
        <v>98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67</v>
      </c>
      <c r="E911" s="14">
        <v>57</v>
      </c>
      <c r="F911" s="14">
        <v>61</v>
      </c>
      <c r="G911" s="15">
        <v>118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9</v>
      </c>
      <c r="E912" s="14">
        <v>72</v>
      </c>
      <c r="F912" s="14">
        <v>71</v>
      </c>
      <c r="G912" s="15">
        <v>143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90</v>
      </c>
      <c r="E913" s="14">
        <v>83</v>
      </c>
      <c r="F913" s="14">
        <v>96</v>
      </c>
      <c r="G913" s="15">
        <v>179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102</v>
      </c>
      <c r="E914" s="14">
        <v>113</v>
      </c>
      <c r="F914" s="14">
        <v>104</v>
      </c>
      <c r="G914" s="15">
        <v>217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220</v>
      </c>
      <c r="E915" s="14">
        <v>229</v>
      </c>
      <c r="F915" s="14">
        <v>247</v>
      </c>
      <c r="G915" s="15">
        <v>476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180</v>
      </c>
      <c r="E916" s="14">
        <v>199</v>
      </c>
      <c r="F916" s="14">
        <v>204</v>
      </c>
      <c r="G916" s="15">
        <v>403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272</v>
      </c>
      <c r="E917" s="14">
        <v>350</v>
      </c>
      <c r="F917" s="14">
        <v>350</v>
      </c>
      <c r="G917" s="15">
        <v>700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84</v>
      </c>
      <c r="E918" s="14">
        <v>111</v>
      </c>
      <c r="F918" s="14">
        <v>99</v>
      </c>
      <c r="G918" s="15">
        <v>210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1728</v>
      </c>
      <c r="E919" s="14">
        <v>1892</v>
      </c>
      <c r="F919" s="14">
        <v>1958</v>
      </c>
      <c r="G919" s="15">
        <v>3850</v>
      </c>
    </row>
    <row r="920" spans="1:7" ht="15" customHeight="1" x14ac:dyDescent="0.2">
      <c r="A920" s="10">
        <v>46</v>
      </c>
      <c r="B920" s="11" t="s">
        <v>953</v>
      </c>
      <c r="C920" s="12" t="s">
        <v>954</v>
      </c>
      <c r="D920" s="13">
        <v>52</v>
      </c>
      <c r="E920" s="14">
        <v>56</v>
      </c>
      <c r="F920" s="14">
        <v>67</v>
      </c>
      <c r="G920" s="15">
        <v>123</v>
      </c>
    </row>
    <row r="921" spans="1:7" ht="15" customHeight="1" x14ac:dyDescent="0.2">
      <c r="A921" s="10" t="s">
        <v>10</v>
      </c>
      <c r="B921" s="11" t="s">
        <v>10</v>
      </c>
      <c r="C921" s="12" t="s">
        <v>955</v>
      </c>
      <c r="D921" s="13">
        <v>29</v>
      </c>
      <c r="E921" s="14">
        <v>31</v>
      </c>
      <c r="F921" s="14">
        <v>33</v>
      </c>
      <c r="G921" s="15">
        <v>64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7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80</v>
      </c>
      <c r="E923" s="14">
        <v>88</v>
      </c>
      <c r="F923" s="14">
        <v>102</v>
      </c>
      <c r="G923" s="15">
        <v>190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19</v>
      </c>
      <c r="E924" s="14">
        <v>24</v>
      </c>
      <c r="F924" s="14">
        <v>19</v>
      </c>
      <c r="G924" s="15">
        <v>43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36</v>
      </c>
      <c r="E925" s="14">
        <v>34</v>
      </c>
      <c r="F925" s="14">
        <v>29</v>
      </c>
      <c r="G925" s="15">
        <v>63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42</v>
      </c>
      <c r="E926" s="14">
        <v>51</v>
      </c>
      <c r="F926" s="14">
        <v>57</v>
      </c>
      <c r="G926" s="15">
        <v>108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15</v>
      </c>
      <c r="E927" s="14">
        <v>22</v>
      </c>
      <c r="F927" s="14">
        <v>18</v>
      </c>
      <c r="G927" s="15">
        <v>40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27</v>
      </c>
      <c r="E928" s="14">
        <v>33</v>
      </c>
      <c r="F928" s="14">
        <v>35</v>
      </c>
      <c r="G928" s="15">
        <v>68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4</v>
      </c>
      <c r="F929" s="14">
        <v>45</v>
      </c>
      <c r="G929" s="15">
        <v>89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2</v>
      </c>
      <c r="E930" s="14">
        <v>44</v>
      </c>
      <c r="F930" s="14">
        <v>37</v>
      </c>
      <c r="G930" s="15">
        <v>81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8</v>
      </c>
      <c r="F931" s="14">
        <v>30</v>
      </c>
      <c r="G931" s="15">
        <v>58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43</v>
      </c>
      <c r="E933" s="14">
        <v>49</v>
      </c>
      <c r="F933" s="14">
        <v>48</v>
      </c>
      <c r="G933" s="15">
        <v>97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3</v>
      </c>
      <c r="E934" s="14">
        <v>50</v>
      </c>
      <c r="F934" s="14">
        <v>55</v>
      </c>
      <c r="G934" s="15">
        <v>105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267</v>
      </c>
      <c r="E935" s="14">
        <v>291</v>
      </c>
      <c r="F935" s="14">
        <v>277</v>
      </c>
      <c r="G935" s="15">
        <v>568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793</v>
      </c>
      <c r="E936" s="14">
        <v>899</v>
      </c>
      <c r="F936" s="14">
        <v>906</v>
      </c>
      <c r="G936" s="15">
        <v>1805</v>
      </c>
    </row>
    <row r="937" spans="1:7" ht="15" customHeight="1" x14ac:dyDescent="0.2">
      <c r="A937" s="10">
        <v>47</v>
      </c>
      <c r="B937" s="11" t="s">
        <v>971</v>
      </c>
      <c r="C937" s="12" t="s">
        <v>972</v>
      </c>
      <c r="D937" s="13">
        <v>67</v>
      </c>
      <c r="E937" s="14">
        <v>75</v>
      </c>
      <c r="F937" s="14">
        <v>84</v>
      </c>
      <c r="G937" s="15">
        <v>159</v>
      </c>
    </row>
    <row r="938" spans="1:7" ht="15" customHeight="1" x14ac:dyDescent="0.2">
      <c r="A938" s="10" t="s">
        <v>10</v>
      </c>
      <c r="B938" s="11" t="s">
        <v>10</v>
      </c>
      <c r="C938" s="12" t="s">
        <v>973</v>
      </c>
      <c r="D938" s="13">
        <v>182</v>
      </c>
      <c r="E938" s="14">
        <v>173</v>
      </c>
      <c r="F938" s="14">
        <v>209</v>
      </c>
      <c r="G938" s="15">
        <v>382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10</v>
      </c>
      <c r="E939" s="14">
        <v>117</v>
      </c>
      <c r="F939" s="14">
        <v>127</v>
      </c>
      <c r="G939" s="15">
        <v>244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68</v>
      </c>
      <c r="E940" s="14">
        <v>74</v>
      </c>
      <c r="F940" s="14">
        <v>67</v>
      </c>
      <c r="G940" s="15">
        <v>141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43</v>
      </c>
      <c r="E941" s="14">
        <v>63</v>
      </c>
      <c r="F941" s="14">
        <v>45</v>
      </c>
      <c r="G941" s="15">
        <v>108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8</v>
      </c>
      <c r="E942" s="14">
        <v>11</v>
      </c>
      <c r="F942" s="14">
        <v>11</v>
      </c>
      <c r="G942" s="15">
        <v>22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90</v>
      </c>
      <c r="E943" s="14">
        <v>99</v>
      </c>
      <c r="F943" s="14">
        <v>101</v>
      </c>
      <c r="G943" s="15">
        <v>200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71</v>
      </c>
      <c r="E944" s="14">
        <v>88</v>
      </c>
      <c r="F944" s="14">
        <v>75</v>
      </c>
      <c r="G944" s="15">
        <v>163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11</v>
      </c>
      <c r="E945" s="14">
        <v>13</v>
      </c>
      <c r="F945" s="14">
        <v>14</v>
      </c>
      <c r="G945" s="15">
        <v>27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44</v>
      </c>
      <c r="E946" s="14">
        <v>60</v>
      </c>
      <c r="F946" s="14">
        <v>54</v>
      </c>
      <c r="G946" s="15">
        <v>114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22</v>
      </c>
      <c r="E948" s="14">
        <v>20</v>
      </c>
      <c r="F948" s="14">
        <v>24</v>
      </c>
      <c r="G948" s="15">
        <v>44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46</v>
      </c>
      <c r="E949" s="14">
        <v>49</v>
      </c>
      <c r="F949" s="14">
        <v>49</v>
      </c>
      <c r="G949" s="15">
        <v>98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5</v>
      </c>
      <c r="F950" s="14">
        <v>51</v>
      </c>
      <c r="G950" s="15">
        <v>96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18</v>
      </c>
      <c r="E951" s="14">
        <v>20</v>
      </c>
      <c r="F951" s="14">
        <v>18</v>
      </c>
      <c r="G951" s="15">
        <v>38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23</v>
      </c>
      <c r="E952" s="14">
        <v>30</v>
      </c>
      <c r="F952" s="14">
        <v>23</v>
      </c>
      <c r="G952" s="15">
        <v>53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19</v>
      </c>
      <c r="E954" s="14">
        <v>21</v>
      </c>
      <c r="F954" s="14">
        <v>17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65</v>
      </c>
      <c r="E955" s="14">
        <v>58</v>
      </c>
      <c r="F955" s="14">
        <v>75</v>
      </c>
      <c r="G955" s="15">
        <v>133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48</v>
      </c>
      <c r="E956" s="14">
        <v>47</v>
      </c>
      <c r="F956" s="14">
        <v>51</v>
      </c>
      <c r="G956" s="15">
        <v>98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46</v>
      </c>
      <c r="E957" s="14">
        <v>57</v>
      </c>
      <c r="F957" s="14">
        <v>50</v>
      </c>
      <c r="G957" s="15">
        <v>107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269</v>
      </c>
      <c r="E958" s="14">
        <v>306</v>
      </c>
      <c r="F958" s="14">
        <v>311</v>
      </c>
      <c r="G958" s="15">
        <v>617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390</v>
      </c>
      <c r="E959" s="14">
        <v>459</v>
      </c>
      <c r="F959" s="14">
        <v>450</v>
      </c>
      <c r="G959" s="15">
        <v>909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1689</v>
      </c>
      <c r="E960" s="14">
        <v>1895</v>
      </c>
      <c r="F960" s="14">
        <v>1920</v>
      </c>
      <c r="G960" s="15">
        <v>3815</v>
      </c>
    </row>
    <row r="961" spans="1:7" ht="15" customHeight="1" x14ac:dyDescent="0.2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2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5</v>
      </c>
      <c r="F962" s="14">
        <v>16</v>
      </c>
      <c r="G962" s="15">
        <v>31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28</v>
      </c>
      <c r="E963" s="14">
        <v>29</v>
      </c>
      <c r="F963" s="14">
        <v>30</v>
      </c>
      <c r="G963" s="15">
        <v>59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0</v>
      </c>
      <c r="E964" s="14">
        <v>18</v>
      </c>
      <c r="F964" s="14">
        <v>21</v>
      </c>
      <c r="G964" s="15">
        <v>39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33</v>
      </c>
      <c r="E965" s="14">
        <v>37</v>
      </c>
      <c r="F965" s="14">
        <v>38</v>
      </c>
      <c r="G965" s="15">
        <v>75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10</v>
      </c>
      <c r="E966" s="14">
        <v>8</v>
      </c>
      <c r="F966" s="14">
        <v>12</v>
      </c>
      <c r="G966" s="15">
        <v>20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7</v>
      </c>
      <c r="F967" s="14">
        <v>22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28</v>
      </c>
      <c r="E968" s="14">
        <v>36</v>
      </c>
      <c r="F968" s="14">
        <v>34</v>
      </c>
      <c r="G968" s="15">
        <v>70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34</v>
      </c>
      <c r="E969" s="14">
        <v>28</v>
      </c>
      <c r="F969" s="14">
        <v>35</v>
      </c>
      <c r="G969" s="15">
        <v>63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18</v>
      </c>
      <c r="E970" s="14">
        <v>22</v>
      </c>
      <c r="F970" s="14">
        <v>29</v>
      </c>
      <c r="G970" s="15">
        <v>51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28</v>
      </c>
      <c r="E971" s="14">
        <v>31</v>
      </c>
      <c r="F971" s="14">
        <v>32</v>
      </c>
      <c r="G971" s="15">
        <v>63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7</v>
      </c>
      <c r="E972" s="14">
        <v>33</v>
      </c>
      <c r="F972" s="14">
        <v>34</v>
      </c>
      <c r="G972" s="15">
        <v>67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5</v>
      </c>
      <c r="E973" s="14">
        <v>27</v>
      </c>
      <c r="F973" s="14">
        <v>30</v>
      </c>
      <c r="G973" s="15">
        <v>57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19</v>
      </c>
      <c r="E974" s="14">
        <v>22</v>
      </c>
      <c r="F974" s="14">
        <v>23</v>
      </c>
      <c r="G974" s="15">
        <v>45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31</v>
      </c>
      <c r="E975" s="14">
        <v>50</v>
      </c>
      <c r="F975" s="14">
        <v>43</v>
      </c>
      <c r="G975" s="15">
        <v>93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6</v>
      </c>
      <c r="E976" s="14">
        <v>10</v>
      </c>
      <c r="F976" s="14">
        <v>6</v>
      </c>
      <c r="G976" s="15">
        <v>16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51</v>
      </c>
      <c r="E977" s="14">
        <v>48</v>
      </c>
      <c r="F977" s="14">
        <v>63</v>
      </c>
      <c r="G977" s="15">
        <v>111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219</v>
      </c>
      <c r="E978" s="14">
        <v>366</v>
      </c>
      <c r="F978" s="14">
        <v>339</v>
      </c>
      <c r="G978" s="15">
        <v>705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609</v>
      </c>
      <c r="E979" s="14">
        <v>804</v>
      </c>
      <c r="F979" s="14">
        <v>817</v>
      </c>
      <c r="G979" s="15">
        <v>1621</v>
      </c>
    </row>
    <row r="980" spans="1:7" ht="15" customHeight="1" x14ac:dyDescent="0.2">
      <c r="A980" s="10">
        <v>49</v>
      </c>
      <c r="B980" s="11" t="s">
        <v>1016</v>
      </c>
      <c r="C980" s="12" t="s">
        <v>1017</v>
      </c>
      <c r="D980" s="13">
        <v>326</v>
      </c>
      <c r="E980" s="14">
        <v>356</v>
      </c>
      <c r="F980" s="14">
        <v>325</v>
      </c>
      <c r="G980" s="15">
        <v>681</v>
      </c>
    </row>
    <row r="981" spans="1:7" ht="15" customHeight="1" x14ac:dyDescent="0.2">
      <c r="A981" s="10" t="s">
        <v>10</v>
      </c>
      <c r="B981" s="11" t="s">
        <v>10</v>
      </c>
      <c r="C981" s="12" t="s">
        <v>1018</v>
      </c>
      <c r="D981" s="13">
        <v>351</v>
      </c>
      <c r="E981" s="14">
        <v>404</v>
      </c>
      <c r="F981" s="14">
        <v>402</v>
      </c>
      <c r="G981" s="15">
        <v>806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183</v>
      </c>
      <c r="E982" s="14">
        <v>188</v>
      </c>
      <c r="F982" s="14">
        <v>232</v>
      </c>
      <c r="G982" s="15">
        <v>420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19</v>
      </c>
      <c r="E983" s="14">
        <v>125</v>
      </c>
      <c r="F983" s="14">
        <v>136</v>
      </c>
      <c r="G983" s="15">
        <v>261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40</v>
      </c>
      <c r="E984" s="14">
        <v>171</v>
      </c>
      <c r="F984" s="14">
        <v>173</v>
      </c>
      <c r="G984" s="15">
        <v>344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30</v>
      </c>
      <c r="E985" s="14">
        <v>23</v>
      </c>
      <c r="F985" s="14">
        <v>27</v>
      </c>
      <c r="G985" s="15">
        <v>50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86</v>
      </c>
      <c r="E986" s="14">
        <v>117</v>
      </c>
      <c r="F986" s="14">
        <v>102</v>
      </c>
      <c r="G986" s="15">
        <v>219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63</v>
      </c>
      <c r="E987" s="14">
        <v>72</v>
      </c>
      <c r="F987" s="14">
        <v>84</v>
      </c>
      <c r="G987" s="15">
        <v>156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189</v>
      </c>
      <c r="E988" s="14">
        <v>202</v>
      </c>
      <c r="F988" s="14">
        <v>204</v>
      </c>
      <c r="G988" s="15">
        <v>406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195</v>
      </c>
      <c r="E989" s="14">
        <v>202</v>
      </c>
      <c r="F989" s="14">
        <v>206</v>
      </c>
      <c r="G989" s="15">
        <v>408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226</v>
      </c>
      <c r="E990" s="14">
        <v>179</v>
      </c>
      <c r="F990" s="14">
        <v>196</v>
      </c>
      <c r="G990" s="15">
        <v>375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29</v>
      </c>
      <c r="E991" s="14">
        <v>34</v>
      </c>
      <c r="F991" s="14">
        <v>32</v>
      </c>
      <c r="G991" s="15">
        <v>66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138</v>
      </c>
      <c r="E992" s="14">
        <v>154</v>
      </c>
      <c r="F992" s="14">
        <v>154</v>
      </c>
      <c r="G992" s="15">
        <v>308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22</v>
      </c>
      <c r="E993" s="14">
        <v>142</v>
      </c>
      <c r="F993" s="14">
        <v>149</v>
      </c>
      <c r="G993" s="15">
        <v>291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4</v>
      </c>
      <c r="E994" s="14">
        <v>128</v>
      </c>
      <c r="F994" s="14">
        <v>152</v>
      </c>
      <c r="G994" s="15">
        <v>280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49</v>
      </c>
      <c r="E995" s="14">
        <v>158</v>
      </c>
      <c r="F995" s="14">
        <v>176</v>
      </c>
      <c r="G995" s="15">
        <v>334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12</v>
      </c>
      <c r="E996" s="14">
        <v>106</v>
      </c>
      <c r="F996" s="14">
        <v>112</v>
      </c>
      <c r="G996" s="15">
        <v>218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771</v>
      </c>
      <c r="E997" s="14">
        <v>789</v>
      </c>
      <c r="F997" s="14">
        <v>756</v>
      </c>
      <c r="G997" s="15">
        <v>1545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90</v>
      </c>
      <c r="E998" s="14">
        <v>80</v>
      </c>
      <c r="F998" s="14">
        <v>74</v>
      </c>
      <c r="G998" s="15">
        <v>154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625</v>
      </c>
      <c r="E999" s="14">
        <v>482</v>
      </c>
      <c r="F999" s="14">
        <v>503</v>
      </c>
      <c r="G999" s="15">
        <v>985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199</v>
      </c>
      <c r="E1000" s="14">
        <v>165</v>
      </c>
      <c r="F1000" s="14">
        <v>211</v>
      </c>
      <c r="G1000" s="15">
        <v>376</v>
      </c>
    </row>
    <row r="1001" spans="1:7" ht="15" customHeight="1" x14ac:dyDescent="0.2">
      <c r="A1001" s="10" t="s">
        <v>10</v>
      </c>
      <c r="B1001" s="11" t="s">
        <v>10</v>
      </c>
      <c r="C1001" s="12" t="s">
        <v>200</v>
      </c>
      <c r="D1001" s="13">
        <v>113</v>
      </c>
      <c r="E1001" s="14">
        <v>146</v>
      </c>
      <c r="F1001" s="14">
        <v>140</v>
      </c>
      <c r="G1001" s="15">
        <v>286</v>
      </c>
    </row>
    <row r="1002" spans="1:7" ht="15" customHeight="1" x14ac:dyDescent="0.2">
      <c r="A1002" s="10" t="s">
        <v>10</v>
      </c>
      <c r="B1002" s="11" t="s">
        <v>10</v>
      </c>
      <c r="C1002" s="12" t="s">
        <v>1038</v>
      </c>
      <c r="D1002" s="13">
        <v>4370</v>
      </c>
      <c r="E1002" s="14">
        <v>4423</v>
      </c>
      <c r="F1002" s="14">
        <v>4546</v>
      </c>
      <c r="G1002" s="15">
        <v>8969</v>
      </c>
    </row>
    <row r="1003" spans="1:7" ht="15" customHeight="1" x14ac:dyDescent="0.2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1</v>
      </c>
      <c r="D1004" s="13">
        <v>287</v>
      </c>
      <c r="E1004" s="14">
        <v>318</v>
      </c>
      <c r="F1004" s="14">
        <v>351</v>
      </c>
      <c r="G1004" s="15">
        <v>669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62</v>
      </c>
      <c r="E1005" s="14">
        <v>73</v>
      </c>
      <c r="F1005" s="14">
        <v>84</v>
      </c>
      <c r="G1005" s="15">
        <v>157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173</v>
      </c>
      <c r="E1006" s="14">
        <v>190</v>
      </c>
      <c r="F1006" s="14">
        <v>178</v>
      </c>
      <c r="G1006" s="15">
        <v>368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25</v>
      </c>
      <c r="E1007" s="14">
        <v>108</v>
      </c>
      <c r="F1007" s="14">
        <v>121</v>
      </c>
      <c r="G1007" s="15">
        <v>229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11</v>
      </c>
      <c r="E1008" s="14">
        <v>116</v>
      </c>
      <c r="F1008" s="14">
        <v>121</v>
      </c>
      <c r="G1008" s="15">
        <v>237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22</v>
      </c>
      <c r="E1009" s="14">
        <v>99</v>
      </c>
      <c r="F1009" s="14">
        <v>92</v>
      </c>
      <c r="G1009" s="15">
        <v>191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627</v>
      </c>
      <c r="E1011" s="14">
        <v>624</v>
      </c>
      <c r="F1011" s="14">
        <v>691</v>
      </c>
      <c r="G1011" s="15">
        <v>1315</v>
      </c>
    </row>
    <row r="1012" spans="1:7" ht="15" customHeight="1" x14ac:dyDescent="0.2">
      <c r="A1012" s="10" t="s">
        <v>10</v>
      </c>
      <c r="B1012" s="11" t="s">
        <v>10</v>
      </c>
      <c r="C1012" s="12" t="s">
        <v>580</v>
      </c>
      <c r="D1012" s="13">
        <v>494</v>
      </c>
      <c r="E1012" s="14">
        <v>512</v>
      </c>
      <c r="F1012" s="14">
        <v>501</v>
      </c>
      <c r="G1012" s="15">
        <v>1013</v>
      </c>
    </row>
    <row r="1013" spans="1:7" ht="15" customHeight="1" x14ac:dyDescent="0.2">
      <c r="A1013" s="10" t="s">
        <v>10</v>
      </c>
      <c r="B1013" s="11" t="s">
        <v>10</v>
      </c>
      <c r="C1013" s="12" t="s">
        <v>1049</v>
      </c>
      <c r="D1013" s="13">
        <v>430</v>
      </c>
      <c r="E1013" s="14">
        <v>401</v>
      </c>
      <c r="F1013" s="14">
        <v>379</v>
      </c>
      <c r="G1013" s="15">
        <v>780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100</v>
      </c>
      <c r="E1014" s="14">
        <v>88</v>
      </c>
      <c r="F1014" s="14">
        <v>80</v>
      </c>
      <c r="G1014" s="15">
        <v>168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377</v>
      </c>
      <c r="E1015" s="14">
        <v>452</v>
      </c>
      <c r="F1015" s="14">
        <v>419</v>
      </c>
      <c r="G1015" s="15">
        <v>871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265</v>
      </c>
      <c r="E1016" s="14">
        <v>258</v>
      </c>
      <c r="F1016" s="14">
        <v>218</v>
      </c>
      <c r="G1016" s="15">
        <v>476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56</v>
      </c>
      <c r="E1017" s="14">
        <v>49</v>
      </c>
      <c r="F1017" s="14">
        <v>35</v>
      </c>
      <c r="G1017" s="15">
        <v>84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236</v>
      </c>
      <c r="E1018" s="14">
        <v>275</v>
      </c>
      <c r="F1018" s="14">
        <v>211</v>
      </c>
      <c r="G1018" s="15">
        <v>486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7</v>
      </c>
      <c r="E1019" s="14">
        <v>13</v>
      </c>
      <c r="F1019" s="14">
        <v>7</v>
      </c>
      <c r="G1019" s="15">
        <v>20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182</v>
      </c>
      <c r="E1020" s="14">
        <v>211</v>
      </c>
      <c r="F1020" s="14">
        <v>219</v>
      </c>
      <c r="G1020" s="15">
        <v>430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83</v>
      </c>
      <c r="E1021" s="14">
        <v>246</v>
      </c>
      <c r="F1021" s="14">
        <v>285</v>
      </c>
      <c r="G1021" s="15">
        <v>531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29</v>
      </c>
      <c r="E1022" s="14">
        <v>34</v>
      </c>
      <c r="F1022" s="14">
        <v>27</v>
      </c>
      <c r="G1022" s="15">
        <v>61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80</v>
      </c>
      <c r="E1023" s="14">
        <v>372</v>
      </c>
      <c r="F1023" s="14">
        <v>383</v>
      </c>
      <c r="G1023" s="15">
        <v>755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7</v>
      </c>
      <c r="E1024" s="14">
        <v>7</v>
      </c>
      <c r="F1024" s="14">
        <v>3</v>
      </c>
      <c r="G1024" s="15">
        <v>10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81</v>
      </c>
      <c r="E1026" s="14">
        <v>148</v>
      </c>
      <c r="F1026" s="14">
        <v>127</v>
      </c>
      <c r="G1026" s="15">
        <v>275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661</v>
      </c>
      <c r="E1027" s="14">
        <v>737</v>
      </c>
      <c r="F1027" s="14">
        <v>741</v>
      </c>
      <c r="G1027" s="15">
        <v>1478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160</v>
      </c>
      <c r="E1028" s="14">
        <v>182</v>
      </c>
      <c r="F1028" s="14">
        <v>168</v>
      </c>
      <c r="G1028" s="15">
        <v>350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78</v>
      </c>
      <c r="E1029" s="14">
        <v>189</v>
      </c>
      <c r="F1029" s="14">
        <v>207</v>
      </c>
      <c r="G1029" s="15">
        <v>396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372</v>
      </c>
      <c r="E1030" s="14">
        <v>427</v>
      </c>
      <c r="F1030" s="14">
        <v>445</v>
      </c>
      <c r="G1030" s="15">
        <v>872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61</v>
      </c>
      <c r="E1031" s="14">
        <v>87</v>
      </c>
      <c r="F1031" s="14">
        <v>94</v>
      </c>
      <c r="G1031" s="15">
        <v>181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79</v>
      </c>
      <c r="E1032" s="14">
        <v>84</v>
      </c>
      <c r="F1032" s="14">
        <v>98</v>
      </c>
      <c r="G1032" s="15">
        <v>182</v>
      </c>
    </row>
    <row r="1033" spans="1:7" x14ac:dyDescent="0.2">
      <c r="A1033" s="18" t="s">
        <v>10</v>
      </c>
      <c r="B1033" s="19" t="s">
        <v>10</v>
      </c>
      <c r="C1033" s="12" t="s">
        <v>577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9</v>
      </c>
      <c r="D1034" s="13">
        <v>5865</v>
      </c>
      <c r="E1034" s="14">
        <v>6318</v>
      </c>
      <c r="F1034" s="14">
        <v>6303</v>
      </c>
      <c r="G1034" s="15">
        <v>12621</v>
      </c>
    </row>
    <row r="1035" spans="1:7" x14ac:dyDescent="0.2">
      <c r="A1035" s="18">
        <v>99</v>
      </c>
      <c r="B1035" s="19" t="s">
        <v>1070</v>
      </c>
      <c r="C1035" s="12" t="s">
        <v>1071</v>
      </c>
      <c r="D1035" s="13">
        <v>146411</v>
      </c>
      <c r="E1035" s="14">
        <v>154144</v>
      </c>
      <c r="F1035" s="14">
        <v>162067</v>
      </c>
      <c r="G1035" s="15">
        <v>316211</v>
      </c>
    </row>
    <row r="1036" spans="1:7" x14ac:dyDescent="0.2">
      <c r="A1036" s="18">
        <v>101</v>
      </c>
      <c r="B1036" s="19" t="s">
        <v>1072</v>
      </c>
      <c r="C1036" s="12" t="s">
        <v>1073</v>
      </c>
      <c r="D1036" s="13">
        <v>22</v>
      </c>
      <c r="E1036" s="14">
        <v>23</v>
      </c>
      <c r="F1036" s="14">
        <v>26</v>
      </c>
      <c r="G1036" s="15">
        <v>49</v>
      </c>
    </row>
    <row r="1037" spans="1:7" x14ac:dyDescent="0.2">
      <c r="A1037" s="18" t="s">
        <v>10</v>
      </c>
      <c r="B1037" s="19" t="s">
        <v>10</v>
      </c>
      <c r="C1037" s="12" t="s">
        <v>1074</v>
      </c>
      <c r="D1037" s="13">
        <v>14</v>
      </c>
      <c r="E1037" s="14">
        <v>15</v>
      </c>
      <c r="F1037" s="14">
        <v>11</v>
      </c>
      <c r="G1037" s="15">
        <v>26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11</v>
      </c>
      <c r="E1038" s="14">
        <v>10</v>
      </c>
      <c r="F1038" s="14">
        <v>12</v>
      </c>
      <c r="G1038" s="15">
        <v>22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7</v>
      </c>
      <c r="E1040" s="14">
        <v>4</v>
      </c>
      <c r="F1040" s="14">
        <v>7</v>
      </c>
      <c r="G1040" s="15">
        <v>11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5</v>
      </c>
      <c r="E1041" s="14">
        <v>9</v>
      </c>
      <c r="F1041" s="14">
        <v>3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30</v>
      </c>
      <c r="E1042" s="14">
        <v>43</v>
      </c>
      <c r="F1042" s="14">
        <v>50</v>
      </c>
      <c r="G1042" s="15">
        <v>93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23</v>
      </c>
      <c r="E1043" s="14">
        <v>23</v>
      </c>
      <c r="F1043" s="14">
        <v>25</v>
      </c>
      <c r="G1043" s="15">
        <v>48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8</v>
      </c>
      <c r="E1044" s="14">
        <v>7</v>
      </c>
      <c r="F1044" s="14">
        <v>8</v>
      </c>
      <c r="G1044" s="15">
        <v>15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128</v>
      </c>
      <c r="E1046" s="14">
        <v>139</v>
      </c>
      <c r="F1046" s="14">
        <v>150</v>
      </c>
      <c r="G1046" s="15">
        <v>289</v>
      </c>
    </row>
    <row r="1047" spans="1:7" x14ac:dyDescent="0.2">
      <c r="A1047" s="18">
        <v>102</v>
      </c>
      <c r="B1047" s="19" t="s">
        <v>1084</v>
      </c>
      <c r="C1047" s="12" t="s">
        <v>1085</v>
      </c>
      <c r="D1047" s="13">
        <v>41</v>
      </c>
      <c r="E1047" s="14">
        <v>46</v>
      </c>
      <c r="F1047" s="14">
        <v>53</v>
      </c>
      <c r="G1047" s="15">
        <v>99</v>
      </c>
    </row>
    <row r="1048" spans="1:7" x14ac:dyDescent="0.2">
      <c r="A1048" s="18" t="s">
        <v>10</v>
      </c>
      <c r="B1048" s="19" t="s">
        <v>10</v>
      </c>
      <c r="C1048" s="12" t="s">
        <v>1086</v>
      </c>
      <c r="D1048" s="13">
        <v>7</v>
      </c>
      <c r="E1048" s="14">
        <v>4</v>
      </c>
      <c r="F1048" s="14">
        <v>9</v>
      </c>
      <c r="G1048" s="15">
        <v>13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24</v>
      </c>
      <c r="E1049" s="14">
        <v>31</v>
      </c>
      <c r="F1049" s="14">
        <v>38</v>
      </c>
      <c r="G1049" s="15">
        <v>69</v>
      </c>
    </row>
    <row r="1050" spans="1:7" x14ac:dyDescent="0.2">
      <c r="A1050" s="18" t="s">
        <v>10</v>
      </c>
      <c r="B1050" s="19" t="s">
        <v>10</v>
      </c>
      <c r="C1050" s="12" t="s">
        <v>1087</v>
      </c>
      <c r="D1050" s="13">
        <v>26</v>
      </c>
      <c r="E1050" s="14">
        <v>27</v>
      </c>
      <c r="F1050" s="14">
        <v>15</v>
      </c>
      <c r="G1050" s="15">
        <v>42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8</v>
      </c>
      <c r="E1051" s="14">
        <v>12</v>
      </c>
      <c r="F1051" s="14">
        <v>9</v>
      </c>
      <c r="G1051" s="15">
        <v>21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10</v>
      </c>
      <c r="E1054" s="14">
        <v>124</v>
      </c>
      <c r="F1054" s="14">
        <v>127</v>
      </c>
      <c r="G1054" s="15">
        <v>251</v>
      </c>
    </row>
    <row r="1055" spans="1:7" x14ac:dyDescent="0.2">
      <c r="A1055" s="18">
        <v>103</v>
      </c>
      <c r="B1055" s="19" t="s">
        <v>1092</v>
      </c>
      <c r="C1055" s="12" t="s">
        <v>1093</v>
      </c>
      <c r="D1055" s="13">
        <v>88</v>
      </c>
      <c r="E1055" s="14">
        <v>123</v>
      </c>
      <c r="F1055" s="14">
        <v>118</v>
      </c>
      <c r="G1055" s="15">
        <v>241</v>
      </c>
    </row>
    <row r="1056" spans="1:7" x14ac:dyDescent="0.2">
      <c r="A1056" s="18" t="s">
        <v>10</v>
      </c>
      <c r="B1056" s="19" t="s">
        <v>10</v>
      </c>
      <c r="C1056" s="12" t="s">
        <v>1094</v>
      </c>
      <c r="D1056" s="13">
        <v>34</v>
      </c>
      <c r="E1056" s="14">
        <v>43</v>
      </c>
      <c r="F1056" s="14">
        <v>46</v>
      </c>
      <c r="G1056" s="15">
        <v>89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7</v>
      </c>
      <c r="E1057" s="14">
        <v>9</v>
      </c>
      <c r="F1057" s="14">
        <v>8</v>
      </c>
      <c r="G1057" s="15">
        <v>17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57</v>
      </c>
      <c r="E1058" s="14">
        <v>55</v>
      </c>
      <c r="F1058" s="14">
        <v>74</v>
      </c>
      <c r="G1058" s="15">
        <v>129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45</v>
      </c>
      <c r="E1059" s="14">
        <v>49</v>
      </c>
      <c r="F1059" s="14">
        <v>67</v>
      </c>
      <c r="G1059" s="15">
        <v>116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39</v>
      </c>
      <c r="E1060" s="14">
        <v>26</v>
      </c>
      <c r="F1060" s="14">
        <v>40</v>
      </c>
      <c r="G1060" s="15">
        <v>66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96</v>
      </c>
      <c r="E1061" s="14">
        <v>122</v>
      </c>
      <c r="F1061" s="14">
        <v>107</v>
      </c>
      <c r="G1061" s="15">
        <v>229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76</v>
      </c>
      <c r="E1062" s="14">
        <v>95</v>
      </c>
      <c r="F1062" s="14">
        <v>102</v>
      </c>
      <c r="G1062" s="15">
        <v>197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340</v>
      </c>
      <c r="E1063" s="14">
        <v>207</v>
      </c>
      <c r="F1063" s="14">
        <v>134</v>
      </c>
      <c r="G1063" s="15">
        <v>341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71</v>
      </c>
      <c r="E1064" s="14">
        <v>79</v>
      </c>
      <c r="F1064" s="14">
        <v>99</v>
      </c>
      <c r="G1064" s="15">
        <v>178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53</v>
      </c>
      <c r="E1065" s="14">
        <v>54</v>
      </c>
      <c r="F1065" s="14">
        <v>57</v>
      </c>
      <c r="G1065" s="15">
        <v>111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19</v>
      </c>
      <c r="E1066" s="14">
        <v>27</v>
      </c>
      <c r="F1066" s="14">
        <v>28</v>
      </c>
      <c r="G1066" s="15">
        <v>55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38</v>
      </c>
      <c r="E1067" s="14">
        <v>48</v>
      </c>
      <c r="F1067" s="14">
        <v>45</v>
      </c>
      <c r="G1067" s="15">
        <v>93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6</v>
      </c>
      <c r="F1068" s="14">
        <v>47</v>
      </c>
      <c r="G1068" s="15">
        <v>93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1000</v>
      </c>
      <c r="E1069" s="14">
        <v>983</v>
      </c>
      <c r="F1069" s="14">
        <v>972</v>
      </c>
      <c r="G1069" s="15">
        <v>1955</v>
      </c>
    </row>
    <row r="1070" spans="1:7" x14ac:dyDescent="0.2">
      <c r="A1070" s="18">
        <v>104</v>
      </c>
      <c r="B1070" s="19" t="s">
        <v>1108</v>
      </c>
      <c r="C1070" s="12" t="s">
        <v>1109</v>
      </c>
      <c r="D1070" s="13">
        <v>15</v>
      </c>
      <c r="E1070" s="14">
        <v>14</v>
      </c>
      <c r="F1070" s="14">
        <v>17</v>
      </c>
      <c r="G1070" s="15">
        <v>31</v>
      </c>
    </row>
    <row r="1071" spans="1:7" x14ac:dyDescent="0.2">
      <c r="A1071" s="18" t="s">
        <v>10</v>
      </c>
      <c r="B1071" s="19" t="s">
        <v>10</v>
      </c>
      <c r="C1071" s="12" t="s">
        <v>1110</v>
      </c>
      <c r="D1071" s="13">
        <v>49</v>
      </c>
      <c r="E1071" s="14">
        <v>50</v>
      </c>
      <c r="F1071" s="14">
        <v>52</v>
      </c>
      <c r="G1071" s="15">
        <v>102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33</v>
      </c>
      <c r="E1072" s="14">
        <v>38</v>
      </c>
      <c r="F1072" s="14">
        <v>44</v>
      </c>
      <c r="G1072" s="15">
        <v>82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67</v>
      </c>
      <c r="E1073" s="14">
        <v>70</v>
      </c>
      <c r="F1073" s="14">
        <v>95</v>
      </c>
      <c r="G1073" s="15">
        <v>165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57</v>
      </c>
      <c r="E1074" s="14">
        <v>47</v>
      </c>
      <c r="F1074" s="14">
        <v>63</v>
      </c>
      <c r="G1074" s="15">
        <v>110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73</v>
      </c>
      <c r="E1075" s="14">
        <v>85</v>
      </c>
      <c r="F1075" s="14">
        <v>93</v>
      </c>
      <c r="G1075" s="15">
        <v>178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69</v>
      </c>
      <c r="E1076" s="14">
        <v>85</v>
      </c>
      <c r="F1076" s="14">
        <v>81</v>
      </c>
      <c r="G1076" s="15">
        <v>166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132</v>
      </c>
      <c r="E1077" s="14">
        <v>100</v>
      </c>
      <c r="F1077" s="14">
        <v>149</v>
      </c>
      <c r="G1077" s="15">
        <v>249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18</v>
      </c>
      <c r="E1078" s="14">
        <v>131</v>
      </c>
      <c r="F1078" s="14">
        <v>143</v>
      </c>
      <c r="G1078" s="15">
        <v>274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64</v>
      </c>
      <c r="E1079" s="14">
        <v>58</v>
      </c>
      <c r="F1079" s="14">
        <v>81</v>
      </c>
      <c r="G1079" s="15">
        <v>139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88</v>
      </c>
      <c r="E1080" s="14">
        <v>102</v>
      </c>
      <c r="F1080" s="14">
        <v>107</v>
      </c>
      <c r="G1080" s="15">
        <v>209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69</v>
      </c>
      <c r="E1081" s="14">
        <v>69</v>
      </c>
      <c r="F1081" s="14">
        <v>88</v>
      </c>
      <c r="G1081" s="15">
        <v>157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51</v>
      </c>
      <c r="E1082" s="14">
        <v>53</v>
      </c>
      <c r="F1082" s="14">
        <v>54</v>
      </c>
      <c r="G1082" s="15">
        <v>107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14</v>
      </c>
      <c r="E1083" s="14">
        <v>3</v>
      </c>
      <c r="F1083" s="14">
        <v>11</v>
      </c>
      <c r="G1083" s="15">
        <v>14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78</v>
      </c>
      <c r="E1084" s="14">
        <v>91</v>
      </c>
      <c r="F1084" s="14">
        <v>101</v>
      </c>
      <c r="G1084" s="15">
        <v>192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79</v>
      </c>
      <c r="E1085" s="14">
        <v>94</v>
      </c>
      <c r="F1085" s="14">
        <v>84</v>
      </c>
      <c r="G1085" s="15">
        <v>178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49</v>
      </c>
      <c r="E1086" s="14">
        <v>54</v>
      </c>
      <c r="F1086" s="14">
        <v>52</v>
      </c>
      <c r="G1086" s="15">
        <v>106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20</v>
      </c>
      <c r="E1087" s="14">
        <v>16</v>
      </c>
      <c r="F1087" s="14">
        <v>22</v>
      </c>
      <c r="G1087" s="15">
        <v>38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42</v>
      </c>
      <c r="E1088" s="14">
        <v>39</v>
      </c>
      <c r="F1088" s="14">
        <v>47</v>
      </c>
      <c r="G1088" s="15">
        <v>86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58</v>
      </c>
      <c r="E1089" s="14">
        <v>51</v>
      </c>
      <c r="F1089" s="14">
        <v>66</v>
      </c>
      <c r="G1089" s="15">
        <v>117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3</v>
      </c>
      <c r="E1090" s="14">
        <v>54</v>
      </c>
      <c r="F1090" s="14">
        <v>47</v>
      </c>
      <c r="G1090" s="15">
        <v>101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45</v>
      </c>
      <c r="E1091" s="14">
        <v>49</v>
      </c>
      <c r="F1091" s="14">
        <v>66</v>
      </c>
      <c r="G1091" s="15">
        <v>115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73</v>
      </c>
      <c r="E1092" s="14">
        <v>83</v>
      </c>
      <c r="F1092" s="14">
        <v>91</v>
      </c>
      <c r="G1092" s="15">
        <v>174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163</v>
      </c>
      <c r="E1093" s="14">
        <v>195</v>
      </c>
      <c r="F1093" s="14">
        <v>197</v>
      </c>
      <c r="G1093" s="15">
        <v>392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400</v>
      </c>
      <c r="E1094" s="14">
        <v>438</v>
      </c>
      <c r="F1094" s="14">
        <v>456</v>
      </c>
      <c r="G1094" s="15">
        <v>894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103</v>
      </c>
      <c r="E1095" s="14">
        <v>105</v>
      </c>
      <c r="F1095" s="14">
        <v>127</v>
      </c>
      <c r="G1095" s="15">
        <v>232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57</v>
      </c>
      <c r="E1096" s="14">
        <v>55</v>
      </c>
      <c r="F1096" s="14">
        <v>63</v>
      </c>
      <c r="G1096" s="15">
        <v>118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106</v>
      </c>
      <c r="E1097" s="14">
        <v>132</v>
      </c>
      <c r="F1097" s="14">
        <v>118</v>
      </c>
      <c r="G1097" s="15">
        <v>250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42</v>
      </c>
      <c r="E1098" s="14">
        <v>191</v>
      </c>
      <c r="F1098" s="14">
        <v>194</v>
      </c>
      <c r="G1098" s="15">
        <v>385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62</v>
      </c>
      <c r="E1099" s="14">
        <v>84</v>
      </c>
      <c r="F1099" s="14">
        <v>84</v>
      </c>
      <c r="G1099" s="15">
        <v>168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188</v>
      </c>
      <c r="E1100" s="14">
        <v>227</v>
      </c>
      <c r="F1100" s="14">
        <v>241</v>
      </c>
      <c r="G1100" s="15">
        <v>468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15</v>
      </c>
      <c r="E1101" s="14">
        <v>137</v>
      </c>
      <c r="F1101" s="14">
        <v>142</v>
      </c>
      <c r="G1101" s="15">
        <v>279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94</v>
      </c>
      <c r="E1102" s="14">
        <v>126</v>
      </c>
      <c r="F1102" s="14">
        <v>117</v>
      </c>
      <c r="G1102" s="15">
        <v>243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77</v>
      </c>
      <c r="E1103" s="14">
        <v>98</v>
      </c>
      <c r="F1103" s="14">
        <v>94</v>
      </c>
      <c r="G1103" s="15">
        <v>192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22</v>
      </c>
      <c r="E1104" s="14">
        <v>19</v>
      </c>
      <c r="F1104" s="14">
        <v>28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8</v>
      </c>
      <c r="E1105" s="14">
        <v>9</v>
      </c>
      <c r="F1105" s="14">
        <v>11</v>
      </c>
      <c r="G1105" s="15">
        <v>20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286</v>
      </c>
      <c r="E1106" s="14">
        <v>327</v>
      </c>
      <c r="F1106" s="14">
        <v>340</v>
      </c>
      <c r="G1106" s="15">
        <v>667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35</v>
      </c>
      <c r="E1107" s="14">
        <v>261</v>
      </c>
      <c r="F1107" s="14">
        <v>286</v>
      </c>
      <c r="G1107" s="15">
        <v>547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31</v>
      </c>
      <c r="E1108" s="14">
        <v>254</v>
      </c>
      <c r="F1108" s="14">
        <v>265</v>
      </c>
      <c r="G1108" s="15">
        <v>519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134</v>
      </c>
      <c r="E1109" s="14">
        <v>151</v>
      </c>
      <c r="F1109" s="14">
        <v>177</v>
      </c>
      <c r="G1109" s="15">
        <v>328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80</v>
      </c>
      <c r="E1110" s="14">
        <v>99</v>
      </c>
      <c r="F1110" s="14">
        <v>93</v>
      </c>
      <c r="G1110" s="15">
        <v>192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143</v>
      </c>
      <c r="E1111" s="14">
        <v>160</v>
      </c>
      <c r="F1111" s="14">
        <v>159</v>
      </c>
      <c r="G1111" s="15">
        <v>319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270</v>
      </c>
      <c r="E1112" s="14">
        <v>275</v>
      </c>
      <c r="F1112" s="14">
        <v>294</v>
      </c>
      <c r="G1112" s="15">
        <v>569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02</v>
      </c>
      <c r="E1113" s="14">
        <v>221</v>
      </c>
      <c r="F1113" s="14">
        <v>240</v>
      </c>
      <c r="G1113" s="15">
        <v>461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20</v>
      </c>
      <c r="E1114" s="14">
        <v>316</v>
      </c>
      <c r="F1114" s="14">
        <v>309</v>
      </c>
      <c r="G1114" s="15">
        <v>625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4734</v>
      </c>
      <c r="E1115" s="14">
        <v>5316</v>
      </c>
      <c r="F1115" s="14">
        <v>5689</v>
      </c>
      <c r="G1115" s="15">
        <v>11005</v>
      </c>
    </row>
    <row r="1116" spans="1:7" x14ac:dyDescent="0.2">
      <c r="A1116" s="18">
        <v>105</v>
      </c>
      <c r="B1116" s="19" t="s">
        <v>1155</v>
      </c>
      <c r="C1116" s="12" t="s">
        <v>1156</v>
      </c>
      <c r="D1116" s="13">
        <v>312</v>
      </c>
      <c r="E1116" s="14">
        <v>375</v>
      </c>
      <c r="F1116" s="14">
        <v>412</v>
      </c>
      <c r="G1116" s="15">
        <v>787</v>
      </c>
    </row>
    <row r="1117" spans="1:7" x14ac:dyDescent="0.2">
      <c r="A1117" s="18" t="s">
        <v>10</v>
      </c>
      <c r="B1117" s="19" t="s">
        <v>10</v>
      </c>
      <c r="C1117" s="12" t="s">
        <v>1157</v>
      </c>
      <c r="D1117" s="13">
        <v>393</v>
      </c>
      <c r="E1117" s="14">
        <v>534</v>
      </c>
      <c r="F1117" s="14">
        <v>544</v>
      </c>
      <c r="G1117" s="15">
        <v>1078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67</v>
      </c>
      <c r="E1118" s="14">
        <v>79</v>
      </c>
      <c r="F1118" s="14">
        <v>74</v>
      </c>
      <c r="G1118" s="15">
        <v>153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504</v>
      </c>
      <c r="E1119" s="14">
        <v>684</v>
      </c>
      <c r="F1119" s="14">
        <v>726</v>
      </c>
      <c r="G1119" s="15">
        <v>1410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155</v>
      </c>
      <c r="E1120" s="14">
        <v>221</v>
      </c>
      <c r="F1120" s="14">
        <v>221</v>
      </c>
      <c r="G1120" s="15">
        <v>442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54</v>
      </c>
      <c r="E1121" s="14">
        <v>192</v>
      </c>
      <c r="F1121" s="14">
        <v>203</v>
      </c>
      <c r="G1121" s="15">
        <v>395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02</v>
      </c>
      <c r="E1122" s="14">
        <v>111</v>
      </c>
      <c r="F1122" s="14">
        <v>109</v>
      </c>
      <c r="G1122" s="15">
        <v>220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5</v>
      </c>
      <c r="E1123" s="14">
        <v>148</v>
      </c>
      <c r="F1123" s="14">
        <v>134</v>
      </c>
      <c r="G1123" s="15">
        <v>282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49</v>
      </c>
      <c r="E1124" s="14">
        <v>166</v>
      </c>
      <c r="F1124" s="14">
        <v>180</v>
      </c>
      <c r="G1124" s="15">
        <v>346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02</v>
      </c>
      <c r="E1125" s="14">
        <v>107</v>
      </c>
      <c r="F1125" s="14">
        <v>122</v>
      </c>
      <c r="G1125" s="15">
        <v>229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63</v>
      </c>
      <c r="E1126" s="14">
        <v>53</v>
      </c>
      <c r="F1126" s="14">
        <v>21</v>
      </c>
      <c r="G1126" s="15">
        <v>74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192</v>
      </c>
      <c r="E1127" s="14">
        <v>241</v>
      </c>
      <c r="F1127" s="14">
        <v>237</v>
      </c>
      <c r="G1127" s="15">
        <v>478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29</v>
      </c>
      <c r="E1128" s="14">
        <v>31</v>
      </c>
      <c r="F1128" s="14">
        <v>37</v>
      </c>
      <c r="G1128" s="15">
        <v>68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30</v>
      </c>
      <c r="E1129" s="14">
        <v>37</v>
      </c>
      <c r="F1129" s="14">
        <v>39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97</v>
      </c>
      <c r="E1130" s="14">
        <v>133</v>
      </c>
      <c r="F1130" s="14">
        <v>132</v>
      </c>
      <c r="G1130" s="15">
        <v>265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301</v>
      </c>
      <c r="E1131" s="14">
        <v>354</v>
      </c>
      <c r="F1131" s="14">
        <v>353</v>
      </c>
      <c r="G1131" s="15">
        <v>707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8</v>
      </c>
      <c r="E1132" s="14">
        <v>13</v>
      </c>
      <c r="F1132" s="14">
        <v>14</v>
      </c>
      <c r="G1132" s="15">
        <v>27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72</v>
      </c>
      <c r="E1133" s="14">
        <v>83</v>
      </c>
      <c r="F1133" s="14">
        <v>94</v>
      </c>
      <c r="G1133" s="15">
        <v>177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117</v>
      </c>
      <c r="E1134" s="14">
        <v>128</v>
      </c>
      <c r="F1134" s="14">
        <v>124</v>
      </c>
      <c r="G1134" s="15">
        <v>252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56</v>
      </c>
      <c r="E1135" s="14">
        <v>67</v>
      </c>
      <c r="F1135" s="14">
        <v>59</v>
      </c>
      <c r="G1135" s="15">
        <v>126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3</v>
      </c>
      <c r="E1136" s="14">
        <v>72</v>
      </c>
      <c r="F1136" s="14">
        <v>65</v>
      </c>
      <c r="G1136" s="15">
        <v>137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3061</v>
      </c>
      <c r="E1137" s="14">
        <v>3829</v>
      </c>
      <c r="F1137" s="14">
        <v>3900</v>
      </c>
      <c r="G1137" s="15">
        <v>7729</v>
      </c>
    </row>
    <row r="1138" spans="1:7" x14ac:dyDescent="0.2">
      <c r="A1138" s="18">
        <v>199</v>
      </c>
      <c r="B1138" s="19" t="s">
        <v>1178</v>
      </c>
      <c r="C1138" s="12" t="s">
        <v>1178</v>
      </c>
      <c r="D1138" s="13">
        <v>9033</v>
      </c>
      <c r="E1138" s="14">
        <v>10391</v>
      </c>
      <c r="F1138" s="14">
        <v>10838</v>
      </c>
      <c r="G1138" s="15">
        <v>21229</v>
      </c>
    </row>
    <row r="1139" spans="1:7" x14ac:dyDescent="0.2">
      <c r="A1139" s="18">
        <v>201</v>
      </c>
      <c r="B1139" s="19" t="s">
        <v>1179</v>
      </c>
      <c r="C1139" s="12" t="s">
        <v>1180</v>
      </c>
      <c r="D1139" s="13">
        <v>60</v>
      </c>
      <c r="E1139" s="14">
        <v>70</v>
      </c>
      <c r="F1139" s="14">
        <v>76</v>
      </c>
      <c r="G1139" s="15">
        <v>146</v>
      </c>
    </row>
    <row r="1140" spans="1:7" x14ac:dyDescent="0.2">
      <c r="A1140" s="18" t="s">
        <v>10</v>
      </c>
      <c r="B1140" s="19" t="s">
        <v>10</v>
      </c>
      <c r="C1140" s="12" t="s">
        <v>1181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12</v>
      </c>
      <c r="E1141" s="14">
        <v>10</v>
      </c>
      <c r="F1141" s="14">
        <v>10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43</v>
      </c>
      <c r="E1142" s="14">
        <v>45</v>
      </c>
      <c r="F1142" s="14">
        <v>47</v>
      </c>
      <c r="G1142" s="15">
        <v>92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53</v>
      </c>
      <c r="E1143" s="14">
        <v>60</v>
      </c>
      <c r="F1143" s="14">
        <v>66</v>
      </c>
      <c r="G1143" s="15">
        <v>126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66</v>
      </c>
      <c r="E1144" s="14">
        <v>58</v>
      </c>
      <c r="F1144" s="14">
        <v>75</v>
      </c>
      <c r="G1144" s="15">
        <v>133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46</v>
      </c>
      <c r="E1145" s="14">
        <v>50</v>
      </c>
      <c r="F1145" s="14">
        <v>53</v>
      </c>
      <c r="G1145" s="15">
        <v>103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156</v>
      </c>
      <c r="E1146" s="14">
        <v>181</v>
      </c>
      <c r="F1146" s="14">
        <v>186</v>
      </c>
      <c r="G1146" s="15">
        <v>367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27</v>
      </c>
      <c r="E1147" s="14">
        <v>26</v>
      </c>
      <c r="F1147" s="14">
        <v>22</v>
      </c>
      <c r="G1147" s="15">
        <v>48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45</v>
      </c>
      <c r="E1148" s="14">
        <v>53</v>
      </c>
      <c r="F1148" s="14">
        <v>54</v>
      </c>
      <c r="G1148" s="15">
        <v>107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201</v>
      </c>
      <c r="E1149" s="14">
        <v>211</v>
      </c>
      <c r="F1149" s="14">
        <v>227</v>
      </c>
      <c r="G1149" s="15">
        <v>438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193</v>
      </c>
      <c r="E1150" s="14">
        <v>235</v>
      </c>
      <c r="F1150" s="14">
        <v>262</v>
      </c>
      <c r="G1150" s="15">
        <v>497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29</v>
      </c>
      <c r="E1151" s="14">
        <v>21</v>
      </c>
      <c r="F1151" s="14">
        <v>27</v>
      </c>
      <c r="G1151" s="15">
        <v>48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151</v>
      </c>
      <c r="E1152" s="14">
        <v>158</v>
      </c>
      <c r="F1152" s="14">
        <v>183</v>
      </c>
      <c r="G1152" s="15">
        <v>341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30</v>
      </c>
      <c r="E1153" s="14">
        <v>33</v>
      </c>
      <c r="F1153" s="14">
        <v>33</v>
      </c>
      <c r="G1153" s="15">
        <v>66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1114</v>
      </c>
      <c r="E1154" s="14">
        <v>1217</v>
      </c>
      <c r="F1154" s="14">
        <v>1325</v>
      </c>
      <c r="G1154" s="15">
        <v>2542</v>
      </c>
    </row>
    <row r="1155" spans="1:7" x14ac:dyDescent="0.2">
      <c r="A1155" s="18">
        <v>202</v>
      </c>
      <c r="B1155" s="19" t="s">
        <v>1196</v>
      </c>
      <c r="C1155" s="12" t="s">
        <v>1197</v>
      </c>
      <c r="D1155" s="13">
        <v>77</v>
      </c>
      <c r="E1155" s="14">
        <v>81</v>
      </c>
      <c r="F1155" s="14">
        <v>89</v>
      </c>
      <c r="G1155" s="15">
        <v>170</v>
      </c>
    </row>
    <row r="1156" spans="1:7" x14ac:dyDescent="0.2">
      <c r="A1156" s="18" t="s">
        <v>10</v>
      </c>
      <c r="B1156" s="19" t="s">
        <v>10</v>
      </c>
      <c r="C1156" s="12" t="s">
        <v>1198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20</v>
      </c>
      <c r="E1159" s="14">
        <v>17</v>
      </c>
      <c r="F1159" s="14">
        <v>30</v>
      </c>
      <c r="G1159" s="15">
        <v>47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3</v>
      </c>
      <c r="E1160" s="14">
        <v>2</v>
      </c>
      <c r="F1160" s="14">
        <v>4</v>
      </c>
      <c r="G1160" s="15">
        <v>6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14</v>
      </c>
      <c r="E1161" s="14">
        <v>10</v>
      </c>
      <c r="F1161" s="14">
        <v>15</v>
      </c>
      <c r="G1161" s="15">
        <v>25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9</v>
      </c>
      <c r="E1162" s="14">
        <v>6</v>
      </c>
      <c r="F1162" s="14">
        <v>12</v>
      </c>
      <c r="G1162" s="15">
        <v>18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5</v>
      </c>
      <c r="E1163" s="14">
        <v>6</v>
      </c>
      <c r="F1163" s="14">
        <v>4</v>
      </c>
      <c r="G1163" s="15">
        <v>10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15</v>
      </c>
      <c r="E1164" s="14">
        <v>10</v>
      </c>
      <c r="F1164" s="14">
        <v>17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40</v>
      </c>
      <c r="E1165" s="14">
        <v>45</v>
      </c>
      <c r="F1165" s="14">
        <v>46</v>
      </c>
      <c r="G1165" s="15">
        <v>91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43</v>
      </c>
      <c r="E1166" s="14">
        <v>43</v>
      </c>
      <c r="F1166" s="14">
        <v>58</v>
      </c>
      <c r="G1166" s="15">
        <v>101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38</v>
      </c>
      <c r="E1167" s="14">
        <v>46</v>
      </c>
      <c r="F1167" s="14">
        <v>47</v>
      </c>
      <c r="G1167" s="15">
        <v>93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17</v>
      </c>
      <c r="E1168" s="14">
        <v>16</v>
      </c>
      <c r="F1168" s="14">
        <v>18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22</v>
      </c>
      <c r="E1169" s="14">
        <v>19</v>
      </c>
      <c r="F1169" s="14">
        <v>17</v>
      </c>
      <c r="G1169" s="15">
        <v>36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59</v>
      </c>
      <c r="E1170" s="14">
        <v>46</v>
      </c>
      <c r="F1170" s="14">
        <v>68</v>
      </c>
      <c r="G1170" s="15">
        <v>114</v>
      </c>
    </row>
    <row r="1171" spans="1:7" x14ac:dyDescent="0.2">
      <c r="A1171" s="18" t="s">
        <v>10</v>
      </c>
      <c r="B1171" s="19" t="s">
        <v>10</v>
      </c>
      <c r="C1171" s="12" t="s">
        <v>1213</v>
      </c>
      <c r="D1171" s="13">
        <v>378</v>
      </c>
      <c r="E1171" s="14">
        <v>368</v>
      </c>
      <c r="F1171" s="14">
        <v>442</v>
      </c>
      <c r="G1171" s="15">
        <v>810</v>
      </c>
    </row>
    <row r="1172" spans="1:7" x14ac:dyDescent="0.2">
      <c r="A1172" s="18">
        <v>203</v>
      </c>
      <c r="B1172" s="19" t="s">
        <v>1214</v>
      </c>
      <c r="C1172" s="12" t="s">
        <v>1215</v>
      </c>
      <c r="D1172" s="13">
        <v>241</v>
      </c>
      <c r="E1172" s="14">
        <v>322</v>
      </c>
      <c r="F1172" s="14">
        <v>356</v>
      </c>
      <c r="G1172" s="15">
        <v>678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165</v>
      </c>
      <c r="E1173" s="14">
        <v>220</v>
      </c>
      <c r="F1173" s="14">
        <v>239</v>
      </c>
      <c r="G1173" s="15">
        <v>459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51</v>
      </c>
      <c r="E1174" s="14">
        <v>60</v>
      </c>
      <c r="F1174" s="14">
        <v>65</v>
      </c>
      <c r="G1174" s="15">
        <v>125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34</v>
      </c>
      <c r="E1175" s="14">
        <v>37</v>
      </c>
      <c r="F1175" s="14">
        <v>31</v>
      </c>
      <c r="G1175" s="15">
        <v>68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70</v>
      </c>
      <c r="E1176" s="14">
        <v>85</v>
      </c>
      <c r="F1176" s="14">
        <v>77</v>
      </c>
      <c r="G1176" s="15">
        <v>162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54</v>
      </c>
      <c r="E1177" s="14">
        <v>65</v>
      </c>
      <c r="F1177" s="14">
        <v>67</v>
      </c>
      <c r="G1177" s="15">
        <v>132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14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87</v>
      </c>
      <c r="E1179" s="14">
        <v>95</v>
      </c>
      <c r="F1179" s="14">
        <v>108</v>
      </c>
      <c r="G1179" s="15">
        <v>203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46</v>
      </c>
      <c r="E1180" s="14">
        <v>59</v>
      </c>
      <c r="F1180" s="14">
        <v>58</v>
      </c>
      <c r="G1180" s="15">
        <v>117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138</v>
      </c>
      <c r="E1181" s="14">
        <v>160</v>
      </c>
      <c r="F1181" s="14">
        <v>181</v>
      </c>
      <c r="G1181" s="15">
        <v>341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20</v>
      </c>
      <c r="E1182" s="14">
        <v>20</v>
      </c>
      <c r="F1182" s="14">
        <v>24</v>
      </c>
      <c r="G1182" s="15">
        <v>44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33</v>
      </c>
      <c r="E1183" s="14">
        <v>47</v>
      </c>
      <c r="F1183" s="14">
        <v>47</v>
      </c>
      <c r="G1183" s="15">
        <v>94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18</v>
      </c>
      <c r="E1184" s="14">
        <v>15</v>
      </c>
      <c r="F1184" s="14">
        <v>22</v>
      </c>
      <c r="G1184" s="15">
        <v>37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49</v>
      </c>
      <c r="E1185" s="14">
        <v>75</v>
      </c>
      <c r="F1185" s="14">
        <v>66</v>
      </c>
      <c r="G1185" s="15">
        <v>141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01</v>
      </c>
      <c r="E1186" s="14">
        <v>126</v>
      </c>
      <c r="F1186" s="14">
        <v>123</v>
      </c>
      <c r="G1186" s="15">
        <v>249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5</v>
      </c>
      <c r="E1187" s="14">
        <v>14</v>
      </c>
      <c r="F1187" s="14">
        <v>11</v>
      </c>
      <c r="G1187" s="15">
        <v>25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62</v>
      </c>
      <c r="E1188" s="14">
        <v>191</v>
      </c>
      <c r="F1188" s="14">
        <v>183</v>
      </c>
      <c r="G1188" s="15">
        <v>374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15</v>
      </c>
      <c r="E1189" s="14">
        <v>1</v>
      </c>
      <c r="F1189" s="14">
        <v>14</v>
      </c>
      <c r="G1189" s="15">
        <v>15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54</v>
      </c>
      <c r="E1190" s="14">
        <v>85</v>
      </c>
      <c r="F1190" s="14">
        <v>81</v>
      </c>
      <c r="G1190" s="15">
        <v>166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214</v>
      </c>
      <c r="E1191" s="14">
        <v>269</v>
      </c>
      <c r="F1191" s="14">
        <v>295</v>
      </c>
      <c r="G1191" s="15">
        <v>564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60</v>
      </c>
      <c r="E1192" s="14">
        <v>78</v>
      </c>
      <c r="F1192" s="14">
        <v>75</v>
      </c>
      <c r="G1192" s="15">
        <v>153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30</v>
      </c>
      <c r="E1193" s="14">
        <v>32</v>
      </c>
      <c r="F1193" s="14">
        <v>38</v>
      </c>
      <c r="G1193" s="15">
        <v>70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4</v>
      </c>
      <c r="E1194" s="14">
        <v>78</v>
      </c>
      <c r="F1194" s="14">
        <v>72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59</v>
      </c>
      <c r="E1195" s="14">
        <v>81</v>
      </c>
      <c r="F1195" s="14">
        <v>93</v>
      </c>
      <c r="G1195" s="15">
        <v>174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90</v>
      </c>
      <c r="E1196" s="14">
        <v>124</v>
      </c>
      <c r="F1196" s="14">
        <v>111</v>
      </c>
      <c r="G1196" s="15">
        <v>235</v>
      </c>
    </row>
    <row r="1197" spans="1:7" x14ac:dyDescent="0.2">
      <c r="A1197" s="18" t="s">
        <v>10</v>
      </c>
      <c r="B1197" s="19" t="s">
        <v>10</v>
      </c>
      <c r="C1197" s="12" t="s">
        <v>1240</v>
      </c>
      <c r="D1197" s="13">
        <v>1874</v>
      </c>
      <c r="E1197" s="14">
        <v>2349</v>
      </c>
      <c r="F1197" s="14">
        <v>2454</v>
      </c>
      <c r="G1197" s="15">
        <v>4803</v>
      </c>
    </row>
    <row r="1198" spans="1:7" x14ac:dyDescent="0.2">
      <c r="A1198" s="18">
        <v>204</v>
      </c>
      <c r="B1198" s="19" t="s">
        <v>1241</v>
      </c>
      <c r="C1198" s="12" t="s">
        <v>1242</v>
      </c>
      <c r="D1198" s="13">
        <v>21</v>
      </c>
      <c r="E1198" s="14">
        <v>26</v>
      </c>
      <c r="F1198" s="14">
        <v>30</v>
      </c>
      <c r="G1198" s="15">
        <v>56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54</v>
      </c>
      <c r="E1199" s="14">
        <v>62</v>
      </c>
      <c r="F1199" s="14">
        <v>78</v>
      </c>
      <c r="G1199" s="15">
        <v>140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30</v>
      </c>
      <c r="E1201" s="14">
        <v>40</v>
      </c>
      <c r="F1201" s="14">
        <v>45</v>
      </c>
      <c r="G1201" s="15">
        <v>85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20</v>
      </c>
      <c r="E1202" s="14">
        <v>29</v>
      </c>
      <c r="F1202" s="14">
        <v>26</v>
      </c>
      <c r="G1202" s="15">
        <v>55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18</v>
      </c>
      <c r="E1203" s="14">
        <v>25</v>
      </c>
      <c r="F1203" s="14">
        <v>22</v>
      </c>
      <c r="G1203" s="15">
        <v>47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26</v>
      </c>
      <c r="E1205" s="14">
        <v>30</v>
      </c>
      <c r="F1205" s="14">
        <v>31</v>
      </c>
      <c r="G1205" s="15">
        <v>61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38</v>
      </c>
      <c r="E1207" s="14">
        <v>46</v>
      </c>
      <c r="F1207" s="14">
        <v>60</v>
      </c>
      <c r="G1207" s="15">
        <v>106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9</v>
      </c>
      <c r="E1208" s="14">
        <v>7</v>
      </c>
      <c r="F1208" s="14">
        <v>9</v>
      </c>
      <c r="G1208" s="15">
        <v>16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15</v>
      </c>
      <c r="E1209" s="14">
        <v>16</v>
      </c>
      <c r="F1209" s="14">
        <v>19</v>
      </c>
      <c r="G1209" s="15">
        <v>35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53</v>
      </c>
      <c r="E1214" s="14">
        <v>36</v>
      </c>
      <c r="F1214" s="14">
        <v>29</v>
      </c>
      <c r="G1214" s="15">
        <v>65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11</v>
      </c>
      <c r="E1215" s="14">
        <v>17</v>
      </c>
      <c r="F1215" s="14">
        <v>19</v>
      </c>
      <c r="G1215" s="15">
        <v>36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3</v>
      </c>
      <c r="E1216" s="14">
        <v>2</v>
      </c>
      <c r="F1216" s="14">
        <v>1</v>
      </c>
      <c r="G1216" s="15">
        <v>3</v>
      </c>
    </row>
    <row r="1217" spans="1:7" x14ac:dyDescent="0.2">
      <c r="A1217" s="18" t="s">
        <v>10</v>
      </c>
      <c r="B1217" s="19" t="s">
        <v>10</v>
      </c>
      <c r="C1217" s="12" t="s">
        <v>1261</v>
      </c>
      <c r="D1217" s="13">
        <v>340</v>
      </c>
      <c r="E1217" s="14">
        <v>386</v>
      </c>
      <c r="F1217" s="14">
        <v>425</v>
      </c>
      <c r="G1217" s="15">
        <v>811</v>
      </c>
    </row>
    <row r="1218" spans="1:7" x14ac:dyDescent="0.2">
      <c r="A1218" s="18">
        <v>299</v>
      </c>
      <c r="B1218" s="19" t="s">
        <v>1262</v>
      </c>
      <c r="C1218" s="12" t="s">
        <v>1262</v>
      </c>
      <c r="D1218" s="13">
        <v>3706</v>
      </c>
      <c r="E1218" s="14">
        <v>4320</v>
      </c>
      <c r="F1218" s="14">
        <v>4646</v>
      </c>
      <c r="G1218" s="15">
        <v>8966</v>
      </c>
    </row>
    <row r="1219" spans="1:7" x14ac:dyDescent="0.2">
      <c r="A1219" s="18">
        <v>301</v>
      </c>
      <c r="B1219" s="19" t="s">
        <v>1263</v>
      </c>
      <c r="C1219" s="12" t="s">
        <v>1264</v>
      </c>
      <c r="D1219" s="13">
        <v>89</v>
      </c>
      <c r="E1219" s="14">
        <v>102</v>
      </c>
      <c r="F1219" s="14">
        <v>108</v>
      </c>
      <c r="G1219" s="15">
        <v>210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103</v>
      </c>
      <c r="E1220" s="14">
        <v>120</v>
      </c>
      <c r="F1220" s="14">
        <v>137</v>
      </c>
      <c r="G1220" s="15">
        <v>257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99</v>
      </c>
      <c r="E1221" s="14">
        <v>105</v>
      </c>
      <c r="F1221" s="14">
        <v>118</v>
      </c>
      <c r="G1221" s="15">
        <v>223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130</v>
      </c>
      <c r="E1222" s="14">
        <v>132</v>
      </c>
      <c r="F1222" s="14">
        <v>151</v>
      </c>
      <c r="G1222" s="15">
        <v>283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79</v>
      </c>
      <c r="E1223" s="14">
        <v>89</v>
      </c>
      <c r="F1223" s="14">
        <v>101</v>
      </c>
      <c r="G1223" s="15">
        <v>190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108</v>
      </c>
      <c r="E1224" s="14">
        <v>105</v>
      </c>
      <c r="F1224" s="14">
        <v>93</v>
      </c>
      <c r="G1224" s="15">
        <v>198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20</v>
      </c>
      <c r="E1225" s="14">
        <v>20</v>
      </c>
      <c r="F1225" s="14">
        <v>28</v>
      </c>
      <c r="G1225" s="15">
        <v>48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34</v>
      </c>
      <c r="E1226" s="14">
        <v>54</v>
      </c>
      <c r="F1226" s="14">
        <v>53</v>
      </c>
      <c r="G1226" s="15">
        <v>107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108</v>
      </c>
      <c r="E1227" s="14">
        <v>111</v>
      </c>
      <c r="F1227" s="14">
        <v>113</v>
      </c>
      <c r="G1227" s="15">
        <v>224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68</v>
      </c>
      <c r="E1228" s="14">
        <v>85</v>
      </c>
      <c r="F1228" s="14">
        <v>99</v>
      </c>
      <c r="G1228" s="15">
        <v>184</v>
      </c>
    </row>
    <row r="1229" spans="1:7" x14ac:dyDescent="0.2">
      <c r="A1229" s="18" t="s">
        <v>10</v>
      </c>
      <c r="B1229" s="19" t="s">
        <v>10</v>
      </c>
      <c r="C1229" s="12" t="s">
        <v>1274</v>
      </c>
      <c r="D1229" s="13">
        <v>838</v>
      </c>
      <c r="E1229" s="14">
        <v>923</v>
      </c>
      <c r="F1229" s="14">
        <v>1001</v>
      </c>
      <c r="G1229" s="15">
        <v>1924</v>
      </c>
    </row>
    <row r="1230" spans="1:7" x14ac:dyDescent="0.2">
      <c r="A1230" s="18">
        <v>302</v>
      </c>
      <c r="B1230" s="19" t="s">
        <v>1275</v>
      </c>
      <c r="C1230" s="12" t="s">
        <v>1276</v>
      </c>
      <c r="D1230" s="13">
        <v>137</v>
      </c>
      <c r="E1230" s="14">
        <v>189</v>
      </c>
      <c r="F1230" s="14">
        <v>205</v>
      </c>
      <c r="G1230" s="15">
        <v>394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20</v>
      </c>
      <c r="E1231" s="14">
        <v>34</v>
      </c>
      <c r="F1231" s="14">
        <v>31</v>
      </c>
      <c r="G1231" s="15">
        <v>65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53</v>
      </c>
      <c r="E1232" s="14">
        <v>76</v>
      </c>
      <c r="F1232" s="14">
        <v>80</v>
      </c>
      <c r="G1232" s="15">
        <v>156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28</v>
      </c>
      <c r="E1233" s="14">
        <v>41</v>
      </c>
      <c r="F1233" s="14">
        <v>35</v>
      </c>
      <c r="G1233" s="15">
        <v>76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58</v>
      </c>
      <c r="E1234" s="14">
        <v>89</v>
      </c>
      <c r="F1234" s="14">
        <v>95</v>
      </c>
      <c r="G1234" s="15">
        <v>184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81</v>
      </c>
      <c r="E1235" s="14">
        <v>96</v>
      </c>
      <c r="F1235" s="14">
        <v>93</v>
      </c>
      <c r="G1235" s="15">
        <v>189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77</v>
      </c>
      <c r="E1236" s="14">
        <v>109</v>
      </c>
      <c r="F1236" s="14">
        <v>111</v>
      </c>
      <c r="G1236" s="15">
        <v>220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4</v>
      </c>
      <c r="E1237" s="14">
        <v>4</v>
      </c>
      <c r="F1237" s="14">
        <v>9</v>
      </c>
      <c r="G1237" s="15">
        <v>13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36</v>
      </c>
      <c r="E1238" s="14">
        <v>45</v>
      </c>
      <c r="F1238" s="14">
        <v>43</v>
      </c>
      <c r="G1238" s="15">
        <v>88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152</v>
      </c>
      <c r="E1239" s="14">
        <v>208</v>
      </c>
      <c r="F1239" s="14">
        <v>208</v>
      </c>
      <c r="G1239" s="15">
        <v>416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38</v>
      </c>
      <c r="E1240" s="14">
        <v>60</v>
      </c>
      <c r="F1240" s="14">
        <v>58</v>
      </c>
      <c r="G1240" s="15">
        <v>118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44</v>
      </c>
      <c r="E1241" s="14">
        <v>67</v>
      </c>
      <c r="F1241" s="14">
        <v>61</v>
      </c>
      <c r="G1241" s="15">
        <v>128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88</v>
      </c>
      <c r="E1242" s="14">
        <v>112</v>
      </c>
      <c r="F1242" s="14">
        <v>111</v>
      </c>
      <c r="G1242" s="15">
        <v>223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44</v>
      </c>
      <c r="F1243" s="14">
        <v>47</v>
      </c>
      <c r="G1243" s="15">
        <v>91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40</v>
      </c>
      <c r="E1244" s="14">
        <v>30</v>
      </c>
      <c r="F1244" s="14">
        <v>44</v>
      </c>
      <c r="G1244" s="15">
        <v>74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100</v>
      </c>
      <c r="E1245" s="14">
        <v>129</v>
      </c>
      <c r="F1245" s="14">
        <v>141</v>
      </c>
      <c r="G1245" s="15">
        <v>270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67</v>
      </c>
      <c r="E1246" s="14">
        <v>98</v>
      </c>
      <c r="F1246" s="14">
        <v>100</v>
      </c>
      <c r="G1246" s="15">
        <v>198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82</v>
      </c>
      <c r="E1247" s="14">
        <v>427</v>
      </c>
      <c r="F1247" s="14">
        <v>417</v>
      </c>
      <c r="G1247" s="15">
        <v>844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292</v>
      </c>
      <c r="E1248" s="14">
        <v>374</v>
      </c>
      <c r="F1248" s="14">
        <v>340</v>
      </c>
      <c r="G1248" s="15">
        <v>714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71</v>
      </c>
      <c r="E1249" s="14">
        <v>72</v>
      </c>
      <c r="F1249" s="14">
        <v>93</v>
      </c>
      <c r="G1249" s="15">
        <v>165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183</v>
      </c>
      <c r="E1250" s="14">
        <v>119</v>
      </c>
      <c r="F1250" s="14">
        <v>64</v>
      </c>
      <c r="G1250" s="15">
        <v>183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98</v>
      </c>
      <c r="E1251" s="14">
        <v>100</v>
      </c>
      <c r="F1251" s="14">
        <v>122</v>
      </c>
      <c r="G1251" s="15">
        <v>222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79</v>
      </c>
      <c r="E1252" s="14">
        <v>70</v>
      </c>
      <c r="F1252" s="14">
        <v>95</v>
      </c>
      <c r="G1252" s="15">
        <v>165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221</v>
      </c>
      <c r="E1253" s="14">
        <v>263</v>
      </c>
      <c r="F1253" s="14">
        <v>250</v>
      </c>
      <c r="G1253" s="15">
        <v>513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167</v>
      </c>
      <c r="E1254" s="14">
        <v>167</v>
      </c>
      <c r="F1254" s="14">
        <v>137</v>
      </c>
      <c r="G1254" s="15">
        <v>304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85</v>
      </c>
      <c r="E1255" s="14">
        <v>121</v>
      </c>
      <c r="F1255" s="14">
        <v>111</v>
      </c>
      <c r="G1255" s="15">
        <v>232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36</v>
      </c>
      <c r="E1256" s="14">
        <v>34</v>
      </c>
      <c r="F1256" s="14">
        <v>44</v>
      </c>
      <c r="G1256" s="15">
        <v>78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83</v>
      </c>
      <c r="E1257" s="14">
        <v>101</v>
      </c>
      <c r="F1257" s="14">
        <v>98</v>
      </c>
      <c r="G1257" s="15">
        <v>199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12</v>
      </c>
      <c r="E1258" s="14">
        <v>2</v>
      </c>
      <c r="F1258" s="14">
        <v>10</v>
      </c>
      <c r="G1258" s="15">
        <v>12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91</v>
      </c>
      <c r="E1259" s="14">
        <v>108</v>
      </c>
      <c r="F1259" s="14">
        <v>117</v>
      </c>
      <c r="G1259" s="15">
        <v>225</v>
      </c>
    </row>
    <row r="1260" spans="1:7" x14ac:dyDescent="0.2">
      <c r="A1260" s="18" t="s">
        <v>10</v>
      </c>
      <c r="B1260" s="19" t="s">
        <v>10</v>
      </c>
      <c r="C1260" s="12" t="s">
        <v>1306</v>
      </c>
      <c r="D1260" s="13">
        <v>2862</v>
      </c>
      <c r="E1260" s="14">
        <v>3389</v>
      </c>
      <c r="F1260" s="14">
        <v>3370</v>
      </c>
      <c r="G1260" s="15">
        <v>6759</v>
      </c>
    </row>
    <row r="1261" spans="1:7" x14ac:dyDescent="0.2">
      <c r="A1261" s="18">
        <v>303</v>
      </c>
      <c r="B1261" s="19" t="s">
        <v>1307</v>
      </c>
      <c r="C1261" s="12" t="s">
        <v>1308</v>
      </c>
      <c r="D1261" s="13">
        <v>487</v>
      </c>
      <c r="E1261" s="14">
        <v>621</v>
      </c>
      <c r="F1261" s="14">
        <v>680</v>
      </c>
      <c r="G1261" s="15">
        <v>1301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538</v>
      </c>
      <c r="E1262" s="14">
        <v>659</v>
      </c>
      <c r="F1262" s="14">
        <v>736</v>
      </c>
      <c r="G1262" s="15">
        <v>1395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20</v>
      </c>
      <c r="E1263" s="14">
        <v>24</v>
      </c>
      <c r="F1263" s="14">
        <v>21</v>
      </c>
      <c r="G1263" s="15">
        <v>45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100</v>
      </c>
      <c r="E1264" s="14">
        <v>133</v>
      </c>
      <c r="F1264" s="14">
        <v>147</v>
      </c>
      <c r="G1264" s="15">
        <v>280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10</v>
      </c>
      <c r="E1265" s="14">
        <v>12</v>
      </c>
      <c r="F1265" s="14">
        <v>16</v>
      </c>
      <c r="G1265" s="15">
        <v>28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55</v>
      </c>
      <c r="E1266" s="14">
        <v>79</v>
      </c>
      <c r="F1266" s="14">
        <v>77</v>
      </c>
      <c r="G1266" s="15">
        <v>156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332</v>
      </c>
      <c r="E1267" s="14">
        <v>467</v>
      </c>
      <c r="F1267" s="14">
        <v>429</v>
      </c>
      <c r="G1267" s="15">
        <v>896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406</v>
      </c>
      <c r="E1268" s="14">
        <v>587</v>
      </c>
      <c r="F1268" s="14">
        <v>592</v>
      </c>
      <c r="G1268" s="15">
        <v>1179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77</v>
      </c>
      <c r="E1269" s="14">
        <v>100</v>
      </c>
      <c r="F1269" s="14">
        <v>93</v>
      </c>
      <c r="G1269" s="15">
        <v>193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98</v>
      </c>
      <c r="E1270" s="14">
        <v>127</v>
      </c>
      <c r="F1270" s="14">
        <v>140</v>
      </c>
      <c r="G1270" s="15">
        <v>267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14</v>
      </c>
      <c r="E1271" s="14">
        <v>20</v>
      </c>
      <c r="F1271" s="14">
        <v>19</v>
      </c>
      <c r="G1271" s="15">
        <v>39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54</v>
      </c>
      <c r="E1272" s="14">
        <v>68</v>
      </c>
      <c r="F1272" s="14">
        <v>72</v>
      </c>
      <c r="G1272" s="15">
        <v>140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26</v>
      </c>
      <c r="E1273" s="14">
        <v>39</v>
      </c>
      <c r="F1273" s="14">
        <v>50</v>
      </c>
      <c r="G1273" s="15">
        <v>89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69</v>
      </c>
      <c r="E1274" s="14">
        <v>99</v>
      </c>
      <c r="F1274" s="14">
        <v>91</v>
      </c>
      <c r="G1274" s="15">
        <v>190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25</v>
      </c>
      <c r="E1275" s="14">
        <v>33</v>
      </c>
      <c r="F1275" s="14">
        <v>28</v>
      </c>
      <c r="G1275" s="15">
        <v>61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128</v>
      </c>
      <c r="E1276" s="14">
        <v>174</v>
      </c>
      <c r="F1276" s="14">
        <v>167</v>
      </c>
      <c r="G1276" s="15">
        <v>341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1</v>
      </c>
      <c r="E1277" s="14">
        <v>19</v>
      </c>
      <c r="F1277" s="14">
        <v>35</v>
      </c>
      <c r="G1277" s="15">
        <v>54</v>
      </c>
    </row>
    <row r="1278" spans="1:7" x14ac:dyDescent="0.2">
      <c r="A1278" s="18" t="s">
        <v>10</v>
      </c>
      <c r="B1278" s="19" t="s">
        <v>10</v>
      </c>
      <c r="C1278" s="12" t="s">
        <v>1325</v>
      </c>
      <c r="D1278" s="13">
        <v>2460</v>
      </c>
      <c r="E1278" s="14">
        <v>3261</v>
      </c>
      <c r="F1278" s="14">
        <v>3393</v>
      </c>
      <c r="G1278" s="15">
        <v>6654</v>
      </c>
    </row>
    <row r="1279" spans="1:7" x14ac:dyDescent="0.2">
      <c r="A1279" s="18">
        <v>304</v>
      </c>
      <c r="B1279" s="19" t="s">
        <v>1326</v>
      </c>
      <c r="C1279" s="12" t="s">
        <v>1327</v>
      </c>
      <c r="D1279" s="13">
        <v>87</v>
      </c>
      <c r="E1279" s="14">
        <v>113</v>
      </c>
      <c r="F1279" s="14">
        <v>113</v>
      </c>
      <c r="G1279" s="15">
        <v>226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17</v>
      </c>
      <c r="E1280" s="14">
        <v>18</v>
      </c>
      <c r="F1280" s="14">
        <v>22</v>
      </c>
      <c r="G1280" s="15">
        <v>40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6</v>
      </c>
      <c r="E1281" s="14">
        <v>7</v>
      </c>
      <c r="F1281" s="14">
        <v>7</v>
      </c>
      <c r="G1281" s="15">
        <v>14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17</v>
      </c>
      <c r="E1282" s="14">
        <v>16</v>
      </c>
      <c r="F1282" s="14">
        <v>14</v>
      </c>
      <c r="G1282" s="15">
        <v>30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27</v>
      </c>
      <c r="E1283" s="14">
        <v>24</v>
      </c>
      <c r="F1283" s="14">
        <v>28</v>
      </c>
      <c r="G1283" s="15">
        <v>52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35</v>
      </c>
      <c r="E1284" s="14">
        <v>39</v>
      </c>
      <c r="F1284" s="14">
        <v>41</v>
      </c>
      <c r="G1284" s="15">
        <v>80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8</v>
      </c>
      <c r="E1285" s="14">
        <v>26</v>
      </c>
      <c r="F1285" s="14">
        <v>30</v>
      </c>
      <c r="G1285" s="15">
        <v>56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107</v>
      </c>
      <c r="E1286" s="14">
        <v>115</v>
      </c>
      <c r="F1286" s="14">
        <v>143</v>
      </c>
      <c r="G1286" s="15">
        <v>258</v>
      </c>
    </row>
    <row r="1287" spans="1:7" x14ac:dyDescent="0.2">
      <c r="A1287" s="18" t="s">
        <v>10</v>
      </c>
      <c r="B1287" s="19" t="s">
        <v>10</v>
      </c>
      <c r="C1287" s="12" t="s">
        <v>1335</v>
      </c>
      <c r="D1287" s="13">
        <v>314</v>
      </c>
      <c r="E1287" s="14">
        <v>358</v>
      </c>
      <c r="F1287" s="14">
        <v>398</v>
      </c>
      <c r="G1287" s="15">
        <v>756</v>
      </c>
    </row>
    <row r="1288" spans="1:7" x14ac:dyDescent="0.2">
      <c r="A1288" s="18">
        <v>305</v>
      </c>
      <c r="B1288" s="19" t="s">
        <v>1336</v>
      </c>
      <c r="C1288" s="12" t="s">
        <v>1337</v>
      </c>
      <c r="D1288" s="13">
        <v>34</v>
      </c>
      <c r="E1288" s="14">
        <v>45</v>
      </c>
      <c r="F1288" s="14">
        <v>49</v>
      </c>
      <c r="G1288" s="15">
        <v>94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4</v>
      </c>
      <c r="E1289" s="14">
        <v>16</v>
      </c>
      <c r="F1289" s="14">
        <v>18</v>
      </c>
      <c r="G1289" s="15">
        <v>34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7</v>
      </c>
      <c r="E1290" s="14">
        <v>18</v>
      </c>
      <c r="F1290" s="14">
        <v>25</v>
      </c>
      <c r="G1290" s="15">
        <v>43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2</v>
      </c>
      <c r="E1291" s="14">
        <v>10</v>
      </c>
      <c r="F1291" s="14">
        <v>13</v>
      </c>
      <c r="G1291" s="15">
        <v>23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6</v>
      </c>
      <c r="E1292" s="14">
        <v>21</v>
      </c>
      <c r="F1292" s="14">
        <v>21</v>
      </c>
      <c r="G1292" s="15">
        <v>42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15</v>
      </c>
      <c r="E1293" s="14">
        <v>10</v>
      </c>
      <c r="F1293" s="14">
        <v>18</v>
      </c>
      <c r="G1293" s="15">
        <v>28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9</v>
      </c>
      <c r="E1294" s="14">
        <v>10</v>
      </c>
      <c r="F1294" s="14">
        <v>9</v>
      </c>
      <c r="G1294" s="15">
        <v>19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16</v>
      </c>
      <c r="E1295" s="14">
        <v>19</v>
      </c>
      <c r="F1295" s="14">
        <v>20</v>
      </c>
      <c r="G1295" s="15">
        <v>39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31</v>
      </c>
      <c r="E1296" s="14">
        <v>25</v>
      </c>
      <c r="F1296" s="14">
        <v>30</v>
      </c>
      <c r="G1296" s="15">
        <v>55</v>
      </c>
    </row>
    <row r="1297" spans="1:7" x14ac:dyDescent="0.2">
      <c r="A1297" s="18" t="s">
        <v>10</v>
      </c>
      <c r="B1297" s="19" t="s">
        <v>10</v>
      </c>
      <c r="C1297" s="12" t="s">
        <v>1346</v>
      </c>
      <c r="D1297" s="13">
        <v>164</v>
      </c>
      <c r="E1297" s="14">
        <v>174</v>
      </c>
      <c r="F1297" s="14">
        <v>203</v>
      </c>
      <c r="G1297" s="15">
        <v>377</v>
      </c>
    </row>
    <row r="1298" spans="1:7" x14ac:dyDescent="0.2">
      <c r="A1298" s="18">
        <v>306</v>
      </c>
      <c r="B1298" s="19" t="s">
        <v>1347</v>
      </c>
      <c r="C1298" s="12" t="s">
        <v>1348</v>
      </c>
      <c r="D1298" s="13">
        <v>70</v>
      </c>
      <c r="E1298" s="14">
        <v>97</v>
      </c>
      <c r="F1298" s="14">
        <v>115</v>
      </c>
      <c r="G1298" s="15">
        <v>212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65</v>
      </c>
      <c r="E1299" s="14">
        <v>94</v>
      </c>
      <c r="F1299" s="14">
        <v>100</v>
      </c>
      <c r="G1299" s="15">
        <v>194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3</v>
      </c>
      <c r="E1300" s="14">
        <v>4</v>
      </c>
      <c r="F1300" s="14">
        <v>2</v>
      </c>
      <c r="G1300" s="15">
        <v>6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9</v>
      </c>
      <c r="E1301" s="14">
        <v>42</v>
      </c>
      <c r="F1301" s="14">
        <v>51</v>
      </c>
      <c r="G1301" s="15">
        <v>93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3</v>
      </c>
      <c r="E1302" s="14">
        <v>34</v>
      </c>
      <c r="F1302" s="14">
        <v>34</v>
      </c>
      <c r="G1302" s="15">
        <v>68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29</v>
      </c>
      <c r="E1303" s="14">
        <v>36</v>
      </c>
      <c r="F1303" s="14">
        <v>49</v>
      </c>
      <c r="G1303" s="15">
        <v>85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5</v>
      </c>
      <c r="E1304" s="14">
        <v>20</v>
      </c>
      <c r="F1304" s="14">
        <v>16</v>
      </c>
      <c r="G1304" s="15">
        <v>36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15</v>
      </c>
      <c r="E1305" s="14">
        <v>11</v>
      </c>
      <c r="F1305" s="14">
        <v>18</v>
      </c>
      <c r="G1305" s="15">
        <v>29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7</v>
      </c>
      <c r="E1306" s="14">
        <v>7</v>
      </c>
      <c r="F1306" s="14">
        <v>6</v>
      </c>
      <c r="G1306" s="15">
        <v>13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148</v>
      </c>
      <c r="E1307" s="14">
        <v>177</v>
      </c>
      <c r="F1307" s="14">
        <v>204</v>
      </c>
      <c r="G1307" s="15">
        <v>381</v>
      </c>
    </row>
    <row r="1308" spans="1:7" x14ac:dyDescent="0.2">
      <c r="A1308" s="18" t="s">
        <v>10</v>
      </c>
      <c r="B1308" s="19" t="s">
        <v>10</v>
      </c>
      <c r="C1308" s="12" t="s">
        <v>1358</v>
      </c>
      <c r="D1308" s="13">
        <v>404</v>
      </c>
      <c r="E1308" s="14">
        <v>522</v>
      </c>
      <c r="F1308" s="14">
        <v>595</v>
      </c>
      <c r="G1308" s="15">
        <v>1117</v>
      </c>
    </row>
    <row r="1309" spans="1:7" x14ac:dyDescent="0.2">
      <c r="A1309" s="18">
        <v>307</v>
      </c>
      <c r="B1309" s="19" t="s">
        <v>1359</v>
      </c>
      <c r="C1309" s="12" t="s">
        <v>1360</v>
      </c>
      <c r="D1309" s="13">
        <v>64</v>
      </c>
      <c r="E1309" s="14">
        <v>78</v>
      </c>
      <c r="F1309" s="14">
        <v>78</v>
      </c>
      <c r="G1309" s="15">
        <v>156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41</v>
      </c>
      <c r="E1310" s="14">
        <v>41</v>
      </c>
      <c r="F1310" s="14">
        <v>53</v>
      </c>
      <c r="G1310" s="15">
        <v>94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16</v>
      </c>
      <c r="E1311" s="14">
        <v>21</v>
      </c>
      <c r="F1311" s="14">
        <v>26</v>
      </c>
      <c r="G1311" s="15">
        <v>47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20</v>
      </c>
      <c r="E1312" s="14">
        <v>27</v>
      </c>
      <c r="F1312" s="14">
        <v>25</v>
      </c>
      <c r="G1312" s="15">
        <v>52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19</v>
      </c>
      <c r="E1313" s="14">
        <v>22</v>
      </c>
      <c r="F1313" s="14">
        <v>19</v>
      </c>
      <c r="G1313" s="15">
        <v>41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24</v>
      </c>
      <c r="E1314" s="14">
        <v>27</v>
      </c>
      <c r="F1314" s="14">
        <v>14</v>
      </c>
      <c r="G1314" s="15">
        <v>41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30</v>
      </c>
      <c r="E1315" s="14">
        <v>37</v>
      </c>
      <c r="F1315" s="14">
        <v>37</v>
      </c>
      <c r="G1315" s="15">
        <v>74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2</v>
      </c>
      <c r="E1316" s="14">
        <v>11</v>
      </c>
      <c r="F1316" s="14">
        <v>10</v>
      </c>
      <c r="G1316" s="15">
        <v>21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14</v>
      </c>
      <c r="E1317" s="14">
        <v>11</v>
      </c>
      <c r="F1317" s="14">
        <v>16</v>
      </c>
      <c r="G1317" s="15">
        <v>27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3</v>
      </c>
      <c r="E1319" s="14">
        <v>2</v>
      </c>
      <c r="F1319" s="14">
        <v>1</v>
      </c>
      <c r="G1319" s="15">
        <v>3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52</v>
      </c>
      <c r="E1320" s="14">
        <v>25</v>
      </c>
      <c r="F1320" s="14">
        <v>27</v>
      </c>
      <c r="G1320" s="15">
        <v>52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26</v>
      </c>
      <c r="E1321" s="14">
        <v>7</v>
      </c>
      <c r="F1321" s="14">
        <v>19</v>
      </c>
      <c r="G1321" s="15">
        <v>26</v>
      </c>
    </row>
    <row r="1322" spans="1:7" x14ac:dyDescent="0.2">
      <c r="A1322" s="18" t="s">
        <v>10</v>
      </c>
      <c r="B1322" s="19" t="s">
        <v>10</v>
      </c>
      <c r="C1322" s="12" t="s">
        <v>1373</v>
      </c>
      <c r="D1322" s="13">
        <v>323</v>
      </c>
      <c r="E1322" s="14">
        <v>311</v>
      </c>
      <c r="F1322" s="14">
        <v>328</v>
      </c>
      <c r="G1322" s="15">
        <v>639</v>
      </c>
    </row>
    <row r="1323" spans="1:7" x14ac:dyDescent="0.2">
      <c r="A1323" s="18">
        <v>308</v>
      </c>
      <c r="B1323" s="19" t="s">
        <v>1374</v>
      </c>
      <c r="C1323" s="12" t="s">
        <v>1375</v>
      </c>
      <c r="D1323" s="13">
        <v>5</v>
      </c>
      <c r="E1323" s="14">
        <v>5</v>
      </c>
      <c r="F1323" s="14">
        <v>6</v>
      </c>
      <c r="G1323" s="15">
        <v>11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6</v>
      </c>
      <c r="E1324" s="14">
        <v>5</v>
      </c>
      <c r="F1324" s="14">
        <v>8</v>
      </c>
      <c r="G1324" s="15">
        <v>13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3</v>
      </c>
      <c r="E1325" s="14">
        <v>1</v>
      </c>
      <c r="F1325" s="14">
        <v>3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4</v>
      </c>
      <c r="E1326" s="14">
        <v>2</v>
      </c>
      <c r="F1326" s="14">
        <v>4</v>
      </c>
      <c r="G1326" s="15">
        <v>6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7</v>
      </c>
      <c r="E1327" s="14">
        <v>10</v>
      </c>
      <c r="F1327" s="14">
        <v>8</v>
      </c>
      <c r="G1327" s="15">
        <v>18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17</v>
      </c>
      <c r="E1328" s="14">
        <v>19</v>
      </c>
      <c r="F1328" s="14">
        <v>12</v>
      </c>
      <c r="G1328" s="15">
        <v>31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9</v>
      </c>
      <c r="E1329" s="14">
        <v>8</v>
      </c>
      <c r="F1329" s="14">
        <v>14</v>
      </c>
      <c r="G1329" s="15">
        <v>22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7</v>
      </c>
      <c r="E1330" s="14">
        <v>3</v>
      </c>
      <c r="F1330" s="14">
        <v>8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5</v>
      </c>
      <c r="E1331" s="14">
        <v>6</v>
      </c>
      <c r="F1331" s="14">
        <v>5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1</v>
      </c>
      <c r="E1332" s="14">
        <v>2</v>
      </c>
      <c r="F1332" s="14">
        <v>1</v>
      </c>
      <c r="G1332" s="15">
        <v>3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3</v>
      </c>
      <c r="E1333" s="14">
        <v>1</v>
      </c>
      <c r="F1333" s="14">
        <v>6</v>
      </c>
      <c r="G1333" s="15">
        <v>7</v>
      </c>
    </row>
    <row r="1334" spans="1:7" x14ac:dyDescent="0.2">
      <c r="A1334" s="18" t="s">
        <v>10</v>
      </c>
      <c r="B1334" s="19" t="s">
        <v>10</v>
      </c>
      <c r="C1334" s="12" t="s">
        <v>1386</v>
      </c>
      <c r="D1334" s="13">
        <v>67</v>
      </c>
      <c r="E1334" s="14">
        <v>62</v>
      </c>
      <c r="F1334" s="14">
        <v>75</v>
      </c>
      <c r="G1334" s="15">
        <v>137</v>
      </c>
    </row>
    <row r="1335" spans="1:7" x14ac:dyDescent="0.2">
      <c r="A1335" s="18">
        <v>309</v>
      </c>
      <c r="B1335" s="19" t="s">
        <v>1387</v>
      </c>
      <c r="C1335" s="12" t="s">
        <v>1388</v>
      </c>
      <c r="D1335" s="13">
        <v>8</v>
      </c>
      <c r="E1335" s="14">
        <v>5</v>
      </c>
      <c r="F1335" s="14">
        <v>6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5</v>
      </c>
      <c r="E1336" s="14">
        <v>5</v>
      </c>
      <c r="F1336" s="14">
        <v>3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1</v>
      </c>
      <c r="F1337" s="14">
        <v>1</v>
      </c>
      <c r="G1337" s="15">
        <v>2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1</v>
      </c>
      <c r="E1338" s="14">
        <v>0</v>
      </c>
      <c r="F1338" s="14">
        <v>1</v>
      </c>
      <c r="G1338" s="15">
        <v>1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1</v>
      </c>
      <c r="G1339" s="15">
        <v>4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4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3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2</v>
      </c>
      <c r="E1342" s="14">
        <v>2</v>
      </c>
      <c r="F1342" s="14">
        <v>0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5</v>
      </c>
      <c r="E1343" s="14">
        <v>5</v>
      </c>
      <c r="F1343" s="14">
        <v>0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7</v>
      </c>
      <c r="D1344" s="13">
        <v>33</v>
      </c>
      <c r="E1344" s="14">
        <v>29</v>
      </c>
      <c r="F1344" s="14">
        <v>17</v>
      </c>
      <c r="G1344" s="15">
        <v>46</v>
      </c>
    </row>
    <row r="1345" spans="1:7" x14ac:dyDescent="0.2">
      <c r="A1345" s="18">
        <v>399</v>
      </c>
      <c r="B1345" s="19" t="s">
        <v>1398</v>
      </c>
      <c r="C1345" s="12" t="s">
        <v>1398</v>
      </c>
      <c r="D1345" s="13">
        <v>7465</v>
      </c>
      <c r="E1345" s="14">
        <v>9029</v>
      </c>
      <c r="F1345" s="14">
        <v>9380</v>
      </c>
      <c r="G1345" s="15">
        <v>18409</v>
      </c>
    </row>
    <row r="1346" spans="1:7" x14ac:dyDescent="0.2">
      <c r="A1346" s="18">
        <v>401</v>
      </c>
      <c r="B1346" s="19" t="s">
        <v>1399</v>
      </c>
      <c r="C1346" s="12" t="s">
        <v>1400</v>
      </c>
      <c r="D1346" s="13">
        <v>130</v>
      </c>
      <c r="E1346" s="14">
        <v>169</v>
      </c>
      <c r="F1346" s="14">
        <v>187</v>
      </c>
      <c r="G1346" s="15">
        <v>356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118</v>
      </c>
      <c r="E1347" s="14">
        <v>128</v>
      </c>
      <c r="F1347" s="14">
        <v>136</v>
      </c>
      <c r="G1347" s="15">
        <v>264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225</v>
      </c>
      <c r="E1348" s="14">
        <v>255</v>
      </c>
      <c r="F1348" s="14">
        <v>245</v>
      </c>
      <c r="G1348" s="15">
        <v>500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68</v>
      </c>
      <c r="E1349" s="14">
        <v>70</v>
      </c>
      <c r="F1349" s="14">
        <v>68</v>
      </c>
      <c r="G1349" s="15">
        <v>138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83</v>
      </c>
      <c r="E1350" s="14">
        <v>100</v>
      </c>
      <c r="F1350" s="14">
        <v>108</v>
      </c>
      <c r="G1350" s="15">
        <v>208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37</v>
      </c>
      <c r="E1351" s="14">
        <v>47</v>
      </c>
      <c r="F1351" s="14">
        <v>18</v>
      </c>
      <c r="G1351" s="15">
        <v>65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186</v>
      </c>
      <c r="E1352" s="14">
        <v>259</v>
      </c>
      <c r="F1352" s="14">
        <v>256</v>
      </c>
      <c r="G1352" s="15">
        <v>515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501</v>
      </c>
      <c r="E1353" s="14">
        <v>656</v>
      </c>
      <c r="F1353" s="14">
        <v>689</v>
      </c>
      <c r="G1353" s="15">
        <v>1345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75</v>
      </c>
      <c r="E1354" s="14">
        <v>81</v>
      </c>
      <c r="F1354" s="14">
        <v>82</v>
      </c>
      <c r="G1354" s="15">
        <v>163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72</v>
      </c>
      <c r="E1355" s="14">
        <v>185</v>
      </c>
      <c r="F1355" s="14">
        <v>197</v>
      </c>
      <c r="G1355" s="15">
        <v>382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130</v>
      </c>
      <c r="E1356" s="14">
        <v>109</v>
      </c>
      <c r="F1356" s="14">
        <v>144</v>
      </c>
      <c r="G1356" s="15">
        <v>253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35</v>
      </c>
      <c r="E1357" s="14">
        <v>50</v>
      </c>
      <c r="F1357" s="14">
        <v>55</v>
      </c>
      <c r="G1357" s="15">
        <v>105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506</v>
      </c>
      <c r="E1358" s="14">
        <v>534</v>
      </c>
      <c r="F1358" s="14">
        <v>517</v>
      </c>
      <c r="G1358" s="15">
        <v>1051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620</v>
      </c>
      <c r="E1359" s="14">
        <v>665</v>
      </c>
      <c r="F1359" s="14">
        <v>686</v>
      </c>
      <c r="G1359" s="15">
        <v>1351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53</v>
      </c>
      <c r="E1360" s="14">
        <v>53</v>
      </c>
      <c r="F1360" s="14">
        <v>59</v>
      </c>
      <c r="G1360" s="15">
        <v>112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119</v>
      </c>
      <c r="E1361" s="14">
        <v>116</v>
      </c>
      <c r="F1361" s="14">
        <v>124</v>
      </c>
      <c r="G1361" s="15">
        <v>240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67</v>
      </c>
      <c r="E1362" s="14">
        <v>70</v>
      </c>
      <c r="F1362" s="14">
        <v>61</v>
      </c>
      <c r="G1362" s="15">
        <v>131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348</v>
      </c>
      <c r="E1363" s="14">
        <v>415</v>
      </c>
      <c r="F1363" s="14">
        <v>464</v>
      </c>
      <c r="G1363" s="15">
        <v>879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208</v>
      </c>
      <c r="E1364" s="14">
        <v>260</v>
      </c>
      <c r="F1364" s="14">
        <v>241</v>
      </c>
      <c r="G1364" s="15">
        <v>501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97</v>
      </c>
      <c r="E1365" s="14">
        <v>113</v>
      </c>
      <c r="F1365" s="14">
        <v>120</v>
      </c>
      <c r="G1365" s="15">
        <v>233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80</v>
      </c>
      <c r="E1366" s="14">
        <v>356</v>
      </c>
      <c r="F1366" s="14">
        <v>341</v>
      </c>
      <c r="G1366" s="15">
        <v>697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47</v>
      </c>
      <c r="E1367" s="14">
        <v>347</v>
      </c>
      <c r="F1367" s="14">
        <v>359</v>
      </c>
      <c r="G1367" s="15">
        <v>706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79</v>
      </c>
      <c r="E1368" s="14">
        <v>451</v>
      </c>
      <c r="F1368" s="14">
        <v>467</v>
      </c>
      <c r="G1368" s="15">
        <v>918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260</v>
      </c>
      <c r="E1369" s="14">
        <v>412</v>
      </c>
      <c r="F1369" s="14">
        <v>429</v>
      </c>
      <c r="G1369" s="15">
        <v>841</v>
      </c>
    </row>
    <row r="1370" spans="1:7" x14ac:dyDescent="0.2">
      <c r="A1370" s="18" t="s">
        <v>10</v>
      </c>
      <c r="B1370" s="19" t="s">
        <v>10</v>
      </c>
      <c r="C1370" s="12" t="s">
        <v>1424</v>
      </c>
      <c r="D1370" s="13">
        <v>4844</v>
      </c>
      <c r="E1370" s="14">
        <v>5901</v>
      </c>
      <c r="F1370" s="14">
        <v>6053</v>
      </c>
      <c r="G1370" s="15">
        <v>11954</v>
      </c>
    </row>
    <row r="1371" spans="1:7" x14ac:dyDescent="0.2">
      <c r="A1371" s="18">
        <v>402</v>
      </c>
      <c r="B1371" s="19" t="s">
        <v>1425</v>
      </c>
      <c r="C1371" s="12" t="s">
        <v>1426</v>
      </c>
      <c r="D1371" s="13">
        <v>867</v>
      </c>
      <c r="E1371" s="14">
        <v>951</v>
      </c>
      <c r="F1371" s="14">
        <v>954</v>
      </c>
      <c r="G1371" s="15">
        <v>1905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240</v>
      </c>
      <c r="E1372" s="14">
        <v>370</v>
      </c>
      <c r="F1372" s="14">
        <v>402</v>
      </c>
      <c r="G1372" s="15">
        <v>772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149</v>
      </c>
      <c r="E1373" s="14">
        <v>109</v>
      </c>
      <c r="F1373" s="14">
        <v>159</v>
      </c>
      <c r="G1373" s="15">
        <v>268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537</v>
      </c>
      <c r="E1374" s="14">
        <v>650</v>
      </c>
      <c r="F1374" s="14">
        <v>634</v>
      </c>
      <c r="G1374" s="15">
        <v>1284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242</v>
      </c>
      <c r="E1375" s="14">
        <v>342</v>
      </c>
      <c r="F1375" s="14">
        <v>328</v>
      </c>
      <c r="G1375" s="15">
        <v>670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110</v>
      </c>
      <c r="E1376" s="14">
        <v>127</v>
      </c>
      <c r="F1376" s="14">
        <v>121</v>
      </c>
      <c r="G1376" s="15">
        <v>248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819</v>
      </c>
      <c r="E1377" s="14">
        <v>933</v>
      </c>
      <c r="F1377" s="14">
        <v>1035</v>
      </c>
      <c r="G1377" s="15">
        <v>1968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290</v>
      </c>
      <c r="E1378" s="14">
        <v>357</v>
      </c>
      <c r="F1378" s="14">
        <v>360</v>
      </c>
      <c r="G1378" s="15">
        <v>717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39</v>
      </c>
      <c r="E1379" s="14">
        <v>52</v>
      </c>
      <c r="F1379" s="14">
        <v>56</v>
      </c>
      <c r="G1379" s="15">
        <v>108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65</v>
      </c>
      <c r="E1380" s="14">
        <v>388</v>
      </c>
      <c r="F1380" s="14">
        <v>351</v>
      </c>
      <c r="G1380" s="15">
        <v>739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231</v>
      </c>
      <c r="E1381" s="14">
        <v>307</v>
      </c>
      <c r="F1381" s="14">
        <v>318</v>
      </c>
      <c r="G1381" s="15">
        <v>625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94</v>
      </c>
      <c r="E1382" s="14">
        <v>65</v>
      </c>
      <c r="F1382" s="14">
        <v>103</v>
      </c>
      <c r="G1382" s="15">
        <v>168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113</v>
      </c>
      <c r="E1383" s="14">
        <v>155</v>
      </c>
      <c r="F1383" s="14">
        <v>161</v>
      </c>
      <c r="G1383" s="15">
        <v>316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65</v>
      </c>
      <c r="E1384" s="14">
        <v>50</v>
      </c>
      <c r="F1384" s="14">
        <v>45</v>
      </c>
      <c r="G1384" s="15">
        <v>95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1</v>
      </c>
      <c r="E1385" s="14">
        <v>1</v>
      </c>
      <c r="F1385" s="14">
        <v>0</v>
      </c>
      <c r="G1385" s="15">
        <v>1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284</v>
      </c>
      <c r="E1386" s="14">
        <v>333</v>
      </c>
      <c r="F1386" s="14">
        <v>373</v>
      </c>
      <c r="G1386" s="15">
        <v>706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158</v>
      </c>
      <c r="E1387" s="14">
        <v>230</v>
      </c>
      <c r="F1387" s="14">
        <v>231</v>
      </c>
      <c r="G1387" s="15">
        <v>461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78</v>
      </c>
      <c r="E1388" s="14">
        <v>62</v>
      </c>
      <c r="F1388" s="14">
        <v>30</v>
      </c>
      <c r="G1388" s="15">
        <v>92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208</v>
      </c>
      <c r="E1389" s="14">
        <v>357</v>
      </c>
      <c r="F1389" s="14">
        <v>375</v>
      </c>
      <c r="G1389" s="15">
        <v>732</v>
      </c>
    </row>
    <row r="1390" spans="1:7" x14ac:dyDescent="0.2">
      <c r="A1390" s="18" t="s">
        <v>10</v>
      </c>
      <c r="B1390" s="19" t="s">
        <v>10</v>
      </c>
      <c r="C1390" s="12" t="s">
        <v>1445</v>
      </c>
      <c r="D1390" s="13">
        <v>4790</v>
      </c>
      <c r="E1390" s="14">
        <v>5839</v>
      </c>
      <c r="F1390" s="14">
        <v>6036</v>
      </c>
      <c r="G1390" s="15">
        <v>11875</v>
      </c>
    </row>
    <row r="1391" spans="1:7" x14ac:dyDescent="0.2">
      <c r="A1391" s="18">
        <v>403</v>
      </c>
      <c r="B1391" s="19" t="s">
        <v>599</v>
      </c>
      <c r="C1391" s="12" t="s">
        <v>1446</v>
      </c>
      <c r="D1391" s="13">
        <v>115</v>
      </c>
      <c r="E1391" s="14">
        <v>157</v>
      </c>
      <c r="F1391" s="14">
        <v>160</v>
      </c>
      <c r="G1391" s="15">
        <v>317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34</v>
      </c>
      <c r="E1392" s="14">
        <v>39</v>
      </c>
      <c r="F1392" s="14">
        <v>51</v>
      </c>
      <c r="G1392" s="15">
        <v>90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82</v>
      </c>
      <c r="E1393" s="14">
        <v>111</v>
      </c>
      <c r="F1393" s="14">
        <v>116</v>
      </c>
      <c r="G1393" s="15">
        <v>227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49</v>
      </c>
      <c r="E1394" s="14">
        <v>75</v>
      </c>
      <c r="F1394" s="14">
        <v>71</v>
      </c>
      <c r="G1394" s="15">
        <v>146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104</v>
      </c>
      <c r="E1395" s="14">
        <v>143</v>
      </c>
      <c r="F1395" s="14">
        <v>167</v>
      </c>
      <c r="G1395" s="15">
        <v>310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78</v>
      </c>
      <c r="E1396" s="14">
        <v>103</v>
      </c>
      <c r="F1396" s="14">
        <v>102</v>
      </c>
      <c r="G1396" s="15">
        <v>205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45</v>
      </c>
      <c r="E1397" s="14">
        <v>50</v>
      </c>
      <c r="F1397" s="14">
        <v>65</v>
      </c>
      <c r="G1397" s="15">
        <v>115</v>
      </c>
    </row>
    <row r="1398" spans="1:7" x14ac:dyDescent="0.2">
      <c r="A1398" s="18" t="s">
        <v>10</v>
      </c>
      <c r="B1398" s="19" t="s">
        <v>10</v>
      </c>
      <c r="C1398" s="12" t="s">
        <v>1453</v>
      </c>
      <c r="D1398" s="13">
        <v>507</v>
      </c>
      <c r="E1398" s="14">
        <v>678</v>
      </c>
      <c r="F1398" s="14">
        <v>732</v>
      </c>
      <c r="G1398" s="15">
        <v>1410</v>
      </c>
    </row>
    <row r="1399" spans="1:7" x14ac:dyDescent="0.2">
      <c r="A1399" s="18">
        <v>404</v>
      </c>
      <c r="B1399" s="19" t="s">
        <v>1454</v>
      </c>
      <c r="C1399" s="12" t="s">
        <v>1455</v>
      </c>
      <c r="D1399" s="13">
        <v>124</v>
      </c>
      <c r="E1399" s="14">
        <v>159</v>
      </c>
      <c r="F1399" s="14">
        <v>168</v>
      </c>
      <c r="G1399" s="15">
        <v>327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103</v>
      </c>
      <c r="E1400" s="14">
        <v>161</v>
      </c>
      <c r="F1400" s="14">
        <v>160</v>
      </c>
      <c r="G1400" s="15">
        <v>321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83</v>
      </c>
      <c r="E1401" s="14">
        <v>130</v>
      </c>
      <c r="F1401" s="14">
        <v>128</v>
      </c>
      <c r="G1401" s="15">
        <v>258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64</v>
      </c>
      <c r="E1402" s="14">
        <v>85</v>
      </c>
      <c r="F1402" s="14">
        <v>104</v>
      </c>
      <c r="G1402" s="15">
        <v>189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97</v>
      </c>
      <c r="E1403" s="14">
        <v>128</v>
      </c>
      <c r="F1403" s="14">
        <v>124</v>
      </c>
      <c r="G1403" s="15">
        <v>252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34</v>
      </c>
      <c r="E1404" s="14">
        <v>41</v>
      </c>
      <c r="F1404" s="14">
        <v>43</v>
      </c>
      <c r="G1404" s="15">
        <v>84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13</v>
      </c>
      <c r="E1405" s="14">
        <v>15</v>
      </c>
      <c r="F1405" s="14">
        <v>16</v>
      </c>
      <c r="G1405" s="15">
        <v>31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94</v>
      </c>
      <c r="E1406" s="14">
        <v>110</v>
      </c>
      <c r="F1406" s="14">
        <v>134</v>
      </c>
      <c r="G1406" s="15">
        <v>244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104</v>
      </c>
      <c r="E1407" s="14">
        <v>133</v>
      </c>
      <c r="F1407" s="14">
        <v>137</v>
      </c>
      <c r="G1407" s="15">
        <v>270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40</v>
      </c>
      <c r="E1408" s="14">
        <v>47</v>
      </c>
      <c r="F1408" s="14">
        <v>68</v>
      </c>
      <c r="G1408" s="15">
        <v>115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21</v>
      </c>
      <c r="E1409" s="14">
        <v>29</v>
      </c>
      <c r="F1409" s="14">
        <v>31</v>
      </c>
      <c r="G1409" s="15">
        <v>60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34</v>
      </c>
      <c r="E1410" s="14">
        <v>39</v>
      </c>
      <c r="F1410" s="14">
        <v>43</v>
      </c>
      <c r="G1410" s="15">
        <v>82</v>
      </c>
    </row>
    <row r="1411" spans="1:7" x14ac:dyDescent="0.2">
      <c r="A1411" s="18" t="s">
        <v>10</v>
      </c>
      <c r="B1411" s="19" t="s">
        <v>10</v>
      </c>
      <c r="C1411" s="12" t="s">
        <v>1467</v>
      </c>
      <c r="D1411" s="13">
        <v>811</v>
      </c>
      <c r="E1411" s="14">
        <v>1077</v>
      </c>
      <c r="F1411" s="14">
        <v>1156</v>
      </c>
      <c r="G1411" s="15">
        <v>2233</v>
      </c>
    </row>
    <row r="1412" spans="1:7" x14ac:dyDescent="0.2">
      <c r="A1412" s="18">
        <v>405</v>
      </c>
      <c r="B1412" s="19" t="s">
        <v>1468</v>
      </c>
      <c r="C1412" s="12" t="s">
        <v>1469</v>
      </c>
      <c r="D1412" s="13">
        <v>255</v>
      </c>
      <c r="E1412" s="14">
        <v>299</v>
      </c>
      <c r="F1412" s="14">
        <v>312</v>
      </c>
      <c r="G1412" s="15">
        <v>611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71</v>
      </c>
      <c r="E1413" s="14">
        <v>89</v>
      </c>
      <c r="F1413" s="14">
        <v>98</v>
      </c>
      <c r="G1413" s="15">
        <v>187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85</v>
      </c>
      <c r="E1414" s="14">
        <v>126</v>
      </c>
      <c r="F1414" s="14">
        <v>117</v>
      </c>
      <c r="G1414" s="15">
        <v>243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27</v>
      </c>
      <c r="E1415" s="14">
        <v>35</v>
      </c>
      <c r="F1415" s="14">
        <v>34</v>
      </c>
      <c r="G1415" s="15">
        <v>69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74</v>
      </c>
      <c r="E1416" s="14">
        <v>95</v>
      </c>
      <c r="F1416" s="14">
        <v>112</v>
      </c>
      <c r="G1416" s="15">
        <v>207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9</v>
      </c>
      <c r="E1417" s="14">
        <v>7</v>
      </c>
      <c r="F1417" s="14">
        <v>10</v>
      </c>
      <c r="G1417" s="15">
        <v>17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41</v>
      </c>
      <c r="E1418" s="14">
        <v>49</v>
      </c>
      <c r="F1418" s="14">
        <v>52</v>
      </c>
      <c r="G1418" s="15">
        <v>101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8</v>
      </c>
      <c r="E1419" s="14">
        <v>13</v>
      </c>
      <c r="F1419" s="14">
        <v>14</v>
      </c>
      <c r="G1419" s="15">
        <v>27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9</v>
      </c>
      <c r="E1420" s="14">
        <v>10</v>
      </c>
      <c r="F1420" s="14">
        <v>16</v>
      </c>
      <c r="G1420" s="15">
        <v>26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100</v>
      </c>
      <c r="E1421" s="14">
        <v>127</v>
      </c>
      <c r="F1421" s="14">
        <v>132</v>
      </c>
      <c r="G1421" s="15">
        <v>259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192</v>
      </c>
      <c r="E1422" s="14">
        <v>281</v>
      </c>
      <c r="F1422" s="14">
        <v>293</v>
      </c>
      <c r="G1422" s="15">
        <v>574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92</v>
      </c>
      <c r="E1423" s="14">
        <v>117</v>
      </c>
      <c r="F1423" s="14">
        <v>112</v>
      </c>
      <c r="G1423" s="15">
        <v>229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194</v>
      </c>
      <c r="E1424" s="14">
        <v>236</v>
      </c>
      <c r="F1424" s="14">
        <v>220</v>
      </c>
      <c r="G1424" s="15">
        <v>456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262</v>
      </c>
      <c r="E1425" s="14">
        <v>297</v>
      </c>
      <c r="F1425" s="14">
        <v>323</v>
      </c>
      <c r="G1425" s="15">
        <v>620</v>
      </c>
    </row>
    <row r="1426" spans="1:7" x14ac:dyDescent="0.2">
      <c r="A1426" s="18" t="s">
        <v>10</v>
      </c>
      <c r="B1426" s="19" t="s">
        <v>10</v>
      </c>
      <c r="C1426" s="12" t="s">
        <v>1483</v>
      </c>
      <c r="D1426" s="13">
        <v>1419</v>
      </c>
      <c r="E1426" s="14">
        <v>1781</v>
      </c>
      <c r="F1426" s="14">
        <v>1845</v>
      </c>
      <c r="G1426" s="15">
        <v>3626</v>
      </c>
    </row>
    <row r="1427" spans="1:7" x14ac:dyDescent="0.2">
      <c r="A1427" s="18">
        <v>406</v>
      </c>
      <c r="B1427" s="19" t="s">
        <v>1484</v>
      </c>
      <c r="C1427" s="12" t="s">
        <v>1485</v>
      </c>
      <c r="D1427" s="13">
        <v>475</v>
      </c>
      <c r="E1427" s="14">
        <v>574</v>
      </c>
      <c r="F1427" s="14">
        <v>593</v>
      </c>
      <c r="G1427" s="15">
        <v>1167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327</v>
      </c>
      <c r="E1428" s="14">
        <v>380</v>
      </c>
      <c r="F1428" s="14">
        <v>414</v>
      </c>
      <c r="G1428" s="15">
        <v>794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77</v>
      </c>
      <c r="E1429" s="14">
        <v>87</v>
      </c>
      <c r="F1429" s="14">
        <v>96</v>
      </c>
      <c r="G1429" s="15">
        <v>183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142</v>
      </c>
      <c r="E1430" s="14">
        <v>188</v>
      </c>
      <c r="F1430" s="14">
        <v>180</v>
      </c>
      <c r="G1430" s="15">
        <v>368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95</v>
      </c>
      <c r="E1431" s="14">
        <v>123</v>
      </c>
      <c r="F1431" s="14">
        <v>154</v>
      </c>
      <c r="G1431" s="15">
        <v>277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6</v>
      </c>
      <c r="E1432" s="14">
        <v>29</v>
      </c>
      <c r="F1432" s="14">
        <v>31</v>
      </c>
      <c r="G1432" s="15">
        <v>60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2</v>
      </c>
      <c r="E1433" s="14">
        <v>3</v>
      </c>
      <c r="F1433" s="14">
        <v>2</v>
      </c>
      <c r="G1433" s="15">
        <v>5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74</v>
      </c>
      <c r="E1434" s="14">
        <v>71</v>
      </c>
      <c r="F1434" s="14">
        <v>94</v>
      </c>
      <c r="G1434" s="15">
        <v>165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61</v>
      </c>
      <c r="E1435" s="14">
        <v>24</v>
      </c>
      <c r="F1435" s="14">
        <v>37</v>
      </c>
      <c r="G1435" s="15">
        <v>61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</v>
      </c>
      <c r="E1436" s="14">
        <v>1</v>
      </c>
      <c r="F1436" s="14">
        <v>1</v>
      </c>
      <c r="G1436" s="15">
        <v>2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265</v>
      </c>
      <c r="E1437" s="14">
        <v>352</v>
      </c>
      <c r="F1437" s="14">
        <v>336</v>
      </c>
      <c r="G1437" s="15">
        <v>688</v>
      </c>
    </row>
    <row r="1438" spans="1:7" x14ac:dyDescent="0.2">
      <c r="A1438" s="18" t="s">
        <v>10</v>
      </c>
      <c r="B1438" s="19" t="s">
        <v>10</v>
      </c>
      <c r="C1438" s="12" t="s">
        <v>1496</v>
      </c>
      <c r="D1438" s="13">
        <v>1546</v>
      </c>
      <c r="E1438" s="14">
        <v>1832</v>
      </c>
      <c r="F1438" s="14">
        <v>1938</v>
      </c>
      <c r="G1438" s="15">
        <v>3770</v>
      </c>
    </row>
    <row r="1439" spans="1:7" x14ac:dyDescent="0.2">
      <c r="A1439" s="18">
        <v>407</v>
      </c>
      <c r="B1439" s="19" t="s">
        <v>1497</v>
      </c>
      <c r="C1439" s="12" t="s">
        <v>1498</v>
      </c>
      <c r="D1439" s="13">
        <v>32</v>
      </c>
      <c r="E1439" s="14">
        <v>33</v>
      </c>
      <c r="F1439" s="14">
        <v>33</v>
      </c>
      <c r="G1439" s="15">
        <v>66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3</v>
      </c>
      <c r="E1440" s="14">
        <v>16</v>
      </c>
      <c r="F1440" s="14">
        <v>17</v>
      </c>
      <c r="G1440" s="15">
        <v>33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15</v>
      </c>
      <c r="E1441" s="14">
        <v>20</v>
      </c>
      <c r="F1441" s="14">
        <v>20</v>
      </c>
      <c r="G1441" s="15">
        <v>40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1</v>
      </c>
      <c r="E1442" s="14">
        <v>23</v>
      </c>
      <c r="F1442" s="14">
        <v>20</v>
      </c>
      <c r="G1442" s="15">
        <v>43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22</v>
      </c>
      <c r="E1443" s="14">
        <v>30</v>
      </c>
      <c r="F1443" s="14">
        <v>33</v>
      </c>
      <c r="G1443" s="15">
        <v>63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1</v>
      </c>
      <c r="E1444" s="14">
        <v>15</v>
      </c>
      <c r="F1444" s="14">
        <v>14</v>
      </c>
      <c r="G1444" s="15">
        <v>29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2</v>
      </c>
      <c r="E1445" s="14">
        <v>15</v>
      </c>
      <c r="F1445" s="14">
        <v>15</v>
      </c>
      <c r="G1445" s="15">
        <v>30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7</v>
      </c>
      <c r="E1446" s="14">
        <v>23</v>
      </c>
      <c r="F1446" s="14">
        <v>25</v>
      </c>
      <c r="G1446" s="15">
        <v>48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8</v>
      </c>
      <c r="E1447" s="14">
        <v>28</v>
      </c>
      <c r="F1447" s="14">
        <v>25</v>
      </c>
      <c r="G1447" s="15">
        <v>53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14</v>
      </c>
      <c r="E1448" s="14">
        <v>20</v>
      </c>
      <c r="F1448" s="14">
        <v>20</v>
      </c>
      <c r="G1448" s="15">
        <v>40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33</v>
      </c>
      <c r="E1449" s="14">
        <v>41</v>
      </c>
      <c r="F1449" s="14">
        <v>49</v>
      </c>
      <c r="G1449" s="15">
        <v>90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10</v>
      </c>
      <c r="E1450" s="14">
        <v>15</v>
      </c>
      <c r="F1450" s="14">
        <v>13</v>
      </c>
      <c r="G1450" s="15">
        <v>28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26</v>
      </c>
      <c r="E1451" s="14">
        <v>18</v>
      </c>
      <c r="F1451" s="14">
        <v>40</v>
      </c>
      <c r="G1451" s="15">
        <v>58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43</v>
      </c>
      <c r="E1452" s="14">
        <v>58</v>
      </c>
      <c r="F1452" s="14">
        <v>63</v>
      </c>
      <c r="G1452" s="15">
        <v>121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8</v>
      </c>
      <c r="E1453" s="14">
        <v>8</v>
      </c>
      <c r="F1453" s="14">
        <v>9</v>
      </c>
      <c r="G1453" s="15">
        <v>17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22</v>
      </c>
      <c r="E1454" s="14">
        <v>33</v>
      </c>
      <c r="F1454" s="14">
        <v>35</v>
      </c>
      <c r="G1454" s="15">
        <v>68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2</v>
      </c>
      <c r="E1455" s="14">
        <v>15</v>
      </c>
      <c r="F1455" s="14">
        <v>17</v>
      </c>
      <c r="G1455" s="15">
        <v>3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9</v>
      </c>
      <c r="E1456" s="14">
        <v>12</v>
      </c>
      <c r="F1456" s="14">
        <v>6</v>
      </c>
      <c r="G1456" s="15">
        <v>18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8</v>
      </c>
      <c r="E1457" s="14">
        <v>23</v>
      </c>
      <c r="F1457" s="14">
        <v>23</v>
      </c>
      <c r="G1457" s="15">
        <v>46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24</v>
      </c>
      <c r="E1458" s="14">
        <v>33</v>
      </c>
      <c r="F1458" s="14">
        <v>35</v>
      </c>
      <c r="G1458" s="15">
        <v>68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3</v>
      </c>
      <c r="E1459" s="14">
        <v>17</v>
      </c>
      <c r="F1459" s="14">
        <v>14</v>
      </c>
      <c r="G1459" s="15">
        <v>31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6</v>
      </c>
      <c r="E1460" s="14">
        <v>21</v>
      </c>
      <c r="F1460" s="14">
        <v>22</v>
      </c>
      <c r="G1460" s="15">
        <v>43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13</v>
      </c>
      <c r="E1461" s="14">
        <v>23</v>
      </c>
      <c r="F1461" s="14">
        <v>21</v>
      </c>
      <c r="G1461" s="15">
        <v>44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3</v>
      </c>
      <c r="E1462" s="14">
        <v>4</v>
      </c>
      <c r="F1462" s="14">
        <v>2</v>
      </c>
      <c r="G1462" s="15">
        <v>6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7</v>
      </c>
      <c r="E1463" s="14">
        <v>6</v>
      </c>
      <c r="F1463" s="14">
        <v>5</v>
      </c>
      <c r="G1463" s="15">
        <v>11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6</v>
      </c>
      <c r="E1464" s="14">
        <v>79</v>
      </c>
      <c r="F1464" s="14">
        <v>71</v>
      </c>
      <c r="G1464" s="15">
        <v>150</v>
      </c>
    </row>
    <row r="1465" spans="1:7" x14ac:dyDescent="0.2">
      <c r="A1465" s="18" t="s">
        <v>10</v>
      </c>
      <c r="B1465" s="19" t="s">
        <v>10</v>
      </c>
      <c r="C1465" s="12" t="s">
        <v>1524</v>
      </c>
      <c r="D1465" s="13">
        <v>488</v>
      </c>
      <c r="E1465" s="14">
        <v>629</v>
      </c>
      <c r="F1465" s="14">
        <v>647</v>
      </c>
      <c r="G1465" s="15">
        <v>1276</v>
      </c>
    </row>
    <row r="1466" spans="1:7" x14ac:dyDescent="0.2">
      <c r="A1466" s="18">
        <v>408</v>
      </c>
      <c r="B1466" s="19" t="s">
        <v>1525</v>
      </c>
      <c r="C1466" s="12" t="s">
        <v>1526</v>
      </c>
      <c r="D1466" s="13">
        <v>41</v>
      </c>
      <c r="E1466" s="14">
        <v>68</v>
      </c>
      <c r="F1466" s="14">
        <v>69</v>
      </c>
      <c r="G1466" s="15">
        <v>137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74</v>
      </c>
      <c r="E1467" s="14">
        <v>88</v>
      </c>
      <c r="F1467" s="14">
        <v>91</v>
      </c>
      <c r="G1467" s="15">
        <v>179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186</v>
      </c>
      <c r="E1468" s="14">
        <v>239</v>
      </c>
      <c r="F1468" s="14">
        <v>264</v>
      </c>
      <c r="G1468" s="15">
        <v>503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202</v>
      </c>
      <c r="E1469" s="14">
        <v>248</v>
      </c>
      <c r="F1469" s="14">
        <v>292</v>
      </c>
      <c r="G1469" s="15">
        <v>540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143</v>
      </c>
      <c r="E1470" s="14">
        <v>189</v>
      </c>
      <c r="F1470" s="14">
        <v>204</v>
      </c>
      <c r="G1470" s="15">
        <v>393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25</v>
      </c>
      <c r="E1471" s="14">
        <v>39</v>
      </c>
      <c r="F1471" s="14">
        <v>37</v>
      </c>
      <c r="G1471" s="15">
        <v>76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55</v>
      </c>
      <c r="E1472" s="14">
        <v>53</v>
      </c>
      <c r="F1472" s="14">
        <v>63</v>
      </c>
      <c r="G1472" s="15">
        <v>116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57</v>
      </c>
      <c r="E1473" s="14">
        <v>79</v>
      </c>
      <c r="F1473" s="14">
        <v>88</v>
      </c>
      <c r="G1473" s="15">
        <v>167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07</v>
      </c>
      <c r="E1474" s="14">
        <v>291</v>
      </c>
      <c r="F1474" s="14">
        <v>311</v>
      </c>
      <c r="G1474" s="15">
        <v>602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23</v>
      </c>
      <c r="E1475" s="14">
        <v>33</v>
      </c>
      <c r="F1475" s="14">
        <v>35</v>
      </c>
      <c r="G1475" s="15">
        <v>68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154</v>
      </c>
      <c r="E1476" s="14">
        <v>208</v>
      </c>
      <c r="F1476" s="14">
        <v>211</v>
      </c>
      <c r="G1476" s="15">
        <v>419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76</v>
      </c>
      <c r="E1477" s="14">
        <v>100</v>
      </c>
      <c r="F1477" s="14">
        <v>86</v>
      </c>
      <c r="G1477" s="15">
        <v>186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49</v>
      </c>
      <c r="E1478" s="14">
        <v>203</v>
      </c>
      <c r="F1478" s="14">
        <v>208</v>
      </c>
      <c r="G1478" s="15">
        <v>411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115</v>
      </c>
      <c r="E1479" s="14">
        <v>164</v>
      </c>
      <c r="F1479" s="14">
        <v>175</v>
      </c>
      <c r="G1479" s="15">
        <v>339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48</v>
      </c>
      <c r="E1480" s="14">
        <v>69</v>
      </c>
      <c r="F1480" s="14">
        <v>66</v>
      </c>
      <c r="G1480" s="15">
        <v>135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64</v>
      </c>
      <c r="E1481" s="14">
        <v>81</v>
      </c>
      <c r="F1481" s="14">
        <v>93</v>
      </c>
      <c r="G1481" s="15">
        <v>174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26</v>
      </c>
      <c r="E1482" s="14">
        <v>33</v>
      </c>
      <c r="F1482" s="14">
        <v>42</v>
      </c>
      <c r="G1482" s="15">
        <v>75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70</v>
      </c>
      <c r="E1483" s="14">
        <v>90</v>
      </c>
      <c r="F1483" s="14">
        <v>91</v>
      </c>
      <c r="G1483" s="15">
        <v>181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65</v>
      </c>
      <c r="E1484" s="14">
        <v>79</v>
      </c>
      <c r="F1484" s="14">
        <v>106</v>
      </c>
      <c r="G1484" s="15">
        <v>185</v>
      </c>
    </row>
    <row r="1485" spans="1:7" x14ac:dyDescent="0.2">
      <c r="A1485" s="18" t="s">
        <v>10</v>
      </c>
      <c r="B1485" s="19" t="s">
        <v>10</v>
      </c>
      <c r="C1485" s="12" t="s">
        <v>1545</v>
      </c>
      <c r="D1485" s="13">
        <v>1780</v>
      </c>
      <c r="E1485" s="14">
        <v>2354</v>
      </c>
      <c r="F1485" s="14">
        <v>2532</v>
      </c>
      <c r="G1485" s="15">
        <v>4886</v>
      </c>
    </row>
    <row r="1486" spans="1:7" x14ac:dyDescent="0.2">
      <c r="A1486" s="18">
        <v>499</v>
      </c>
      <c r="B1486" s="19" t="s">
        <v>1546</v>
      </c>
      <c r="C1486" s="12" t="s">
        <v>1546</v>
      </c>
      <c r="D1486" s="13">
        <v>16185</v>
      </c>
      <c r="E1486" s="14">
        <v>20091</v>
      </c>
      <c r="F1486" s="14">
        <v>20939</v>
      </c>
      <c r="G1486" s="15">
        <v>41030</v>
      </c>
    </row>
    <row r="1487" spans="1:7" x14ac:dyDescent="0.2">
      <c r="A1487" s="18">
        <v>501</v>
      </c>
      <c r="B1487" s="19" t="s">
        <v>1547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 t="s">
        <v>10</v>
      </c>
      <c r="B1488" s="19" t="s">
        <v>10</v>
      </c>
      <c r="C1488" s="12" t="s">
        <v>1549</v>
      </c>
      <c r="D1488" s="13">
        <v>4</v>
      </c>
      <c r="E1488" s="14">
        <v>3</v>
      </c>
      <c r="F1488" s="14">
        <v>7</v>
      </c>
      <c r="G1488" s="15">
        <v>10</v>
      </c>
    </row>
    <row r="1489" spans="1:7" x14ac:dyDescent="0.2">
      <c r="A1489" s="18">
        <v>502</v>
      </c>
      <c r="B1489" s="19" t="s">
        <v>1550</v>
      </c>
      <c r="C1489" s="12" t="s">
        <v>1551</v>
      </c>
      <c r="D1489" s="13">
        <v>23</v>
      </c>
      <c r="E1489" s="14">
        <v>28</v>
      </c>
      <c r="F1489" s="14">
        <v>26</v>
      </c>
      <c r="G1489" s="15">
        <v>54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15</v>
      </c>
      <c r="E1490" s="14">
        <v>15</v>
      </c>
      <c r="F1490" s="14">
        <v>19</v>
      </c>
      <c r="G1490" s="15">
        <v>34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8</v>
      </c>
      <c r="E1491" s="14">
        <v>9</v>
      </c>
      <c r="F1491" s="14">
        <v>9</v>
      </c>
      <c r="G1491" s="15">
        <v>18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14</v>
      </c>
      <c r="E1492" s="14">
        <v>16</v>
      </c>
      <c r="F1492" s="14">
        <v>19</v>
      </c>
      <c r="G1492" s="15">
        <v>35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</v>
      </c>
      <c r="E1493" s="14">
        <v>6</v>
      </c>
      <c r="F1493" s="14">
        <v>5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48</v>
      </c>
      <c r="E1494" s="14">
        <v>59</v>
      </c>
      <c r="F1494" s="14">
        <v>75</v>
      </c>
      <c r="G1494" s="15">
        <v>134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55</v>
      </c>
      <c r="E1495" s="14">
        <v>89</v>
      </c>
      <c r="F1495" s="14">
        <v>94</v>
      </c>
      <c r="G1495" s="15">
        <v>183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47</v>
      </c>
      <c r="E1496" s="14">
        <v>58</v>
      </c>
      <c r="F1496" s="14">
        <v>66</v>
      </c>
      <c r="G1496" s="15">
        <v>124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17</v>
      </c>
      <c r="E1497" s="14">
        <v>18</v>
      </c>
      <c r="F1497" s="14">
        <v>17</v>
      </c>
      <c r="G1497" s="15">
        <v>35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0</v>
      </c>
      <c r="E1498" s="14">
        <v>29</v>
      </c>
      <c r="F1498" s="14">
        <v>29</v>
      </c>
      <c r="G1498" s="15">
        <v>58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6</v>
      </c>
      <c r="E1499" s="14">
        <v>26</v>
      </c>
      <c r="F1499" s="14">
        <v>27</v>
      </c>
      <c r="G1499" s="15">
        <v>53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27</v>
      </c>
      <c r="E1500" s="14">
        <v>37</v>
      </c>
      <c r="F1500" s="14">
        <v>33</v>
      </c>
      <c r="G1500" s="15">
        <v>70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15</v>
      </c>
      <c r="E1501" s="14">
        <v>17</v>
      </c>
      <c r="F1501" s="14">
        <v>19</v>
      </c>
      <c r="G1501" s="15">
        <v>36</v>
      </c>
    </row>
    <row r="1502" spans="1:7" x14ac:dyDescent="0.2">
      <c r="A1502" s="18" t="s">
        <v>10</v>
      </c>
      <c r="B1502" s="19" t="s">
        <v>10</v>
      </c>
      <c r="C1502" s="12" t="s">
        <v>1564</v>
      </c>
      <c r="D1502" s="13">
        <v>319</v>
      </c>
      <c r="E1502" s="14">
        <v>407</v>
      </c>
      <c r="F1502" s="14">
        <v>438</v>
      </c>
      <c r="G1502" s="15">
        <v>845</v>
      </c>
    </row>
    <row r="1503" spans="1:7" x14ac:dyDescent="0.2">
      <c r="A1503" s="18">
        <v>503</v>
      </c>
      <c r="B1503" s="19" t="s">
        <v>1565</v>
      </c>
      <c r="C1503" s="12" t="s">
        <v>1566</v>
      </c>
      <c r="D1503" s="13">
        <v>15</v>
      </c>
      <c r="E1503" s="14">
        <v>20</v>
      </c>
      <c r="F1503" s="14">
        <v>17</v>
      </c>
      <c r="G1503" s="15">
        <v>37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8</v>
      </c>
      <c r="E1504" s="14">
        <v>13</v>
      </c>
      <c r="F1504" s="14">
        <v>5</v>
      </c>
      <c r="G1504" s="15">
        <v>18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27</v>
      </c>
      <c r="E1505" s="14">
        <v>35</v>
      </c>
      <c r="F1505" s="14">
        <v>38</v>
      </c>
      <c r="G1505" s="15">
        <v>73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12</v>
      </c>
      <c r="E1506" s="14">
        <v>14</v>
      </c>
      <c r="F1506" s="14">
        <v>17</v>
      </c>
      <c r="G1506" s="15">
        <v>31</v>
      </c>
    </row>
    <row r="1507" spans="1:7" x14ac:dyDescent="0.2">
      <c r="A1507" s="18" t="s">
        <v>10</v>
      </c>
      <c r="B1507" s="19" t="s">
        <v>10</v>
      </c>
      <c r="C1507" s="12" t="s">
        <v>1570</v>
      </c>
      <c r="D1507" s="13">
        <v>62</v>
      </c>
      <c r="E1507" s="14">
        <v>82</v>
      </c>
      <c r="F1507" s="14">
        <v>77</v>
      </c>
      <c r="G1507" s="15">
        <v>159</v>
      </c>
    </row>
    <row r="1508" spans="1:7" x14ac:dyDescent="0.2">
      <c r="A1508" s="18">
        <v>504</v>
      </c>
      <c r="B1508" s="19" t="s">
        <v>1571</v>
      </c>
      <c r="C1508" s="12" t="s">
        <v>1572</v>
      </c>
      <c r="D1508" s="13">
        <v>27</v>
      </c>
      <c r="E1508" s="14">
        <v>41</v>
      </c>
      <c r="F1508" s="14">
        <v>53</v>
      </c>
      <c r="G1508" s="15">
        <v>94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25</v>
      </c>
      <c r="E1509" s="14">
        <v>41</v>
      </c>
      <c r="F1509" s="14">
        <v>42</v>
      </c>
      <c r="G1509" s="15">
        <v>83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13</v>
      </c>
      <c r="E1510" s="14">
        <v>20</v>
      </c>
      <c r="F1510" s="14">
        <v>12</v>
      </c>
      <c r="G1510" s="15">
        <v>32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59</v>
      </c>
      <c r="E1511" s="14">
        <v>35</v>
      </c>
      <c r="F1511" s="14">
        <v>24</v>
      </c>
      <c r="G1511" s="15">
        <v>59</v>
      </c>
    </row>
    <row r="1512" spans="1:7" x14ac:dyDescent="0.2">
      <c r="A1512" s="18" t="s">
        <v>10</v>
      </c>
      <c r="B1512" s="19" t="s">
        <v>10</v>
      </c>
      <c r="C1512" s="12" t="s">
        <v>1576</v>
      </c>
      <c r="D1512" s="13">
        <v>124</v>
      </c>
      <c r="E1512" s="14">
        <v>137</v>
      </c>
      <c r="F1512" s="14">
        <v>131</v>
      </c>
      <c r="G1512" s="15">
        <v>268</v>
      </c>
    </row>
    <row r="1513" spans="1:7" x14ac:dyDescent="0.2">
      <c r="A1513" s="18">
        <v>599</v>
      </c>
      <c r="B1513" s="19" t="s">
        <v>1577</v>
      </c>
      <c r="C1513" s="12" t="s">
        <v>1577</v>
      </c>
      <c r="D1513" s="13">
        <v>509</v>
      </c>
      <c r="E1513" s="14">
        <v>629</v>
      </c>
      <c r="F1513" s="14">
        <v>653</v>
      </c>
      <c r="G1513" s="15">
        <v>1282</v>
      </c>
    </row>
    <row r="1514" spans="1:7" x14ac:dyDescent="0.2">
      <c r="A1514" s="18">
        <v>601</v>
      </c>
      <c r="B1514" s="19" t="s">
        <v>1578</v>
      </c>
      <c r="C1514" s="12" t="s">
        <v>1579</v>
      </c>
      <c r="D1514" s="13">
        <v>22</v>
      </c>
      <c r="E1514" s="14">
        <v>28</v>
      </c>
      <c r="F1514" s="14">
        <v>21</v>
      </c>
      <c r="G1514" s="15">
        <v>49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30</v>
      </c>
      <c r="E1515" s="14">
        <v>44</v>
      </c>
      <c r="F1515" s="14">
        <v>29</v>
      </c>
      <c r="G1515" s="15">
        <v>73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4</v>
      </c>
      <c r="E1516" s="14">
        <v>217</v>
      </c>
      <c r="F1516" s="14">
        <v>239</v>
      </c>
      <c r="G1516" s="15">
        <v>456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17</v>
      </c>
      <c r="E1517" s="14">
        <v>16</v>
      </c>
      <c r="F1517" s="14">
        <v>19</v>
      </c>
      <c r="G1517" s="15">
        <v>35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76</v>
      </c>
      <c r="E1518" s="14">
        <v>59</v>
      </c>
      <c r="F1518" s="14">
        <v>84</v>
      </c>
      <c r="G1518" s="15">
        <v>143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26</v>
      </c>
      <c r="E1519" s="14">
        <v>35</v>
      </c>
      <c r="F1519" s="14">
        <v>30</v>
      </c>
      <c r="G1519" s="15">
        <v>65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41</v>
      </c>
      <c r="E1520" s="14">
        <v>43</v>
      </c>
      <c r="F1520" s="14">
        <v>48</v>
      </c>
      <c r="G1520" s="15">
        <v>91</v>
      </c>
    </row>
    <row r="1521" spans="1:7" x14ac:dyDescent="0.2">
      <c r="A1521" s="18" t="s">
        <v>10</v>
      </c>
      <c r="B1521" s="19" t="s">
        <v>10</v>
      </c>
      <c r="C1521" s="12" t="s">
        <v>1586</v>
      </c>
      <c r="D1521" s="13">
        <v>386</v>
      </c>
      <c r="E1521" s="14">
        <v>442</v>
      </c>
      <c r="F1521" s="14">
        <v>470</v>
      </c>
      <c r="G1521" s="15">
        <v>912</v>
      </c>
    </row>
    <row r="1522" spans="1:7" x14ac:dyDescent="0.2">
      <c r="A1522" s="18">
        <v>602</v>
      </c>
      <c r="B1522" s="19" t="s">
        <v>1587</v>
      </c>
      <c r="C1522" s="12" t="s">
        <v>1588</v>
      </c>
      <c r="D1522" s="13">
        <v>26</v>
      </c>
      <c r="E1522" s="14">
        <v>30</v>
      </c>
      <c r="F1522" s="14">
        <v>35</v>
      </c>
      <c r="G1522" s="15">
        <v>65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76</v>
      </c>
      <c r="E1523" s="14">
        <v>75</v>
      </c>
      <c r="F1523" s="14">
        <v>91</v>
      </c>
      <c r="G1523" s="15">
        <v>166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3</v>
      </c>
      <c r="E1524" s="14">
        <v>11</v>
      </c>
      <c r="F1524" s="14">
        <v>12</v>
      </c>
      <c r="G1524" s="15">
        <v>23</v>
      </c>
    </row>
    <row r="1525" spans="1:7" x14ac:dyDescent="0.2">
      <c r="A1525" s="18" t="s">
        <v>10</v>
      </c>
      <c r="B1525" s="19" t="s">
        <v>10</v>
      </c>
      <c r="C1525" s="12" t="s">
        <v>1591</v>
      </c>
      <c r="D1525" s="13">
        <v>115</v>
      </c>
      <c r="E1525" s="14">
        <v>116</v>
      </c>
      <c r="F1525" s="14">
        <v>138</v>
      </c>
      <c r="G1525" s="15">
        <v>254</v>
      </c>
    </row>
    <row r="1526" spans="1:7" x14ac:dyDescent="0.2">
      <c r="A1526" s="18">
        <v>699</v>
      </c>
      <c r="B1526" s="19" t="s">
        <v>1592</v>
      </c>
      <c r="C1526" s="12" t="s">
        <v>1592</v>
      </c>
      <c r="D1526" s="13">
        <v>501</v>
      </c>
      <c r="E1526" s="14">
        <v>558</v>
      </c>
      <c r="F1526" s="14">
        <v>608</v>
      </c>
      <c r="G1526" s="15">
        <v>1166</v>
      </c>
    </row>
    <row r="1527" spans="1:7" x14ac:dyDescent="0.2">
      <c r="A1527" s="22">
        <v>9999</v>
      </c>
      <c r="B1527" s="23" t="s">
        <v>1593</v>
      </c>
      <c r="C1527" s="24" t="s">
        <v>1594</v>
      </c>
      <c r="D1527" s="25">
        <v>183810</v>
      </c>
      <c r="E1527" s="26">
        <v>199162</v>
      </c>
      <c r="F1527" s="26">
        <v>209131</v>
      </c>
      <c r="G1527" s="27">
        <v>408293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3-02T01:10:07Z</dcterms:created>
  <dcterms:modified xsi:type="dcterms:W3CDTF">2023-03-02T01:10:08Z</dcterms:modified>
</cp:coreProperties>
</file>